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codeName="ThisWorkbook" defaultThemeVersion="124226"/>
  <mc:AlternateContent xmlns:mc="http://schemas.openxmlformats.org/markup-compatibility/2006">
    <mc:Choice Requires="x15">
      <x15ac:absPath xmlns:x15ac="http://schemas.microsoft.com/office/spreadsheetml/2010/11/ac" url="\\VMV3FS1.joho.local\プロファイル$\i0003745\デスクトップ\"/>
    </mc:Choice>
  </mc:AlternateContent>
  <bookViews>
    <workbookView xWindow="0" yWindow="0" windowWidth="20490" windowHeight="7530" tabRatio="927"/>
  </bookViews>
  <sheets>
    <sheet name="別紙７－３" sheetId="520" r:id="rId1"/>
    <sheet name="別紙８" sheetId="521" r:id="rId2"/>
    <sheet name="別紙11" sheetId="526" r:id="rId3"/>
    <sheet name="別紙12" sheetId="527" r:id="rId4"/>
    <sheet name="別紙12－2" sheetId="528" r:id="rId5"/>
    <sheet name="別紙13" sheetId="529" r:id="rId6"/>
    <sheet name="別紙14" sheetId="530" r:id="rId7"/>
    <sheet name="別紙14－3" sheetId="532" r:id="rId8"/>
    <sheet name="別紙14－4" sheetId="533" r:id="rId9"/>
    <sheet name="別紙14－5" sheetId="534" r:id="rId10"/>
    <sheet name="別紙14－6" sheetId="535" r:id="rId11"/>
    <sheet name="別紙15" sheetId="537" r:id="rId12"/>
    <sheet name="別紙16" sheetId="538" r:id="rId13"/>
    <sheet name="別紙17" sheetId="539" r:id="rId14"/>
    <sheet name="別紙18" sheetId="540" r:id="rId15"/>
    <sheet name="別紙21" sheetId="543" r:id="rId16"/>
    <sheet name="別紙22" sheetId="544" r:id="rId17"/>
    <sheet name="別紙22－2" sheetId="545" r:id="rId18"/>
    <sheet name="別紙23" sheetId="546" r:id="rId19"/>
    <sheet name="別紙23－2" sheetId="547" r:id="rId20"/>
    <sheet name="別紙25－2" sheetId="550" r:id="rId21"/>
    <sheet name="別紙27" sheetId="552" r:id="rId22"/>
    <sheet name="別紙28" sheetId="553" r:id="rId23"/>
    <sheet name="別紙34" sheetId="564" r:id="rId24"/>
    <sheet name="別紙35" sheetId="566" r:id="rId25"/>
    <sheet name="別紙36" sheetId="567" r:id="rId26"/>
    <sheet name="別紙36-2" sheetId="568" r:id="rId27"/>
    <sheet name="別紙37" sheetId="569" r:id="rId28"/>
    <sheet name="別紙37－2" sheetId="570" r:id="rId29"/>
    <sheet name="別紙38" sheetId="571" r:id="rId30"/>
    <sheet name="別紙39" sheetId="572" r:id="rId31"/>
    <sheet name="別紙40" sheetId="573" r:id="rId32"/>
    <sheet name="別紙41" sheetId="574" r:id="rId33"/>
    <sheet name="別紙42" sheetId="575" r:id="rId34"/>
    <sheet name="別紙44" sheetId="577" r:id="rId35"/>
    <sheet name="別紙45" sheetId="578" r:id="rId36"/>
    <sheet name="別紙46" sheetId="579" r:id="rId37"/>
    <sheet name="別紙47" sheetId="584" r:id="rId38"/>
    <sheet name="別紙48" sheetId="581" r:id="rId39"/>
    <sheet name="別紙48－2" sheetId="582" r:id="rId40"/>
    <sheet name="別紙49" sheetId="583" r:id="rId41"/>
    <sheet name="別紙●24" sheetId="66" state="hidden" r:id="rId42"/>
  </sheets>
  <externalReferences>
    <externalReference r:id="rId43"/>
    <externalReference r:id="rId44"/>
    <externalReference r:id="rId45"/>
  </externalReferences>
  <definedNames>
    <definedName name="ｋ" localSheetId="26">#REF!</definedName>
    <definedName name="ｋ" localSheetId="37">#N/A</definedName>
    <definedName name="ｋ">#N/A</definedName>
    <definedName name="_xlnm.Print_Area" localSheetId="41">#N/A</definedName>
    <definedName name="_xlnm.Print_Area" localSheetId="2">別紙11!$A$1:$AA$61</definedName>
    <definedName name="_xlnm.Print_Area" localSheetId="3">別紙12!$A$1:$AE$75</definedName>
    <definedName name="_xlnm.Print_Area" localSheetId="4">'別紙12－2'!$A$1:$AF$70</definedName>
    <definedName name="_xlnm.Print_Area" localSheetId="5">別紙13!$A$1:$Y$38</definedName>
    <definedName name="_xlnm.Print_Area" localSheetId="6">別紙14!$A$1:$AD$68</definedName>
    <definedName name="_xlnm.Print_Area" localSheetId="7">'別紙14－3'!$A$1:$AD$49</definedName>
    <definedName name="_xlnm.Print_Area" localSheetId="8">'別紙14－4'!$A$1:$AF$60</definedName>
    <definedName name="_xlnm.Print_Area" localSheetId="9">'別紙14－5'!$A$1:$AD$60</definedName>
    <definedName name="_xlnm.Print_Area" localSheetId="10">'別紙14－6'!$A$1:$AD$58</definedName>
    <definedName name="_xlnm.Print_Area" localSheetId="11">別紙15!$A$1:$AB$26</definedName>
    <definedName name="_xlnm.Print_Area" localSheetId="12">別紙16!$A$1:$Z$116</definedName>
    <definedName name="_xlnm.Print_Area" localSheetId="13">別紙17!$A$1:$Z$45</definedName>
    <definedName name="_xlnm.Print_Area" localSheetId="14">別紙18!$A$1:$Z$30</definedName>
    <definedName name="_xlnm.Print_Area" localSheetId="15">別紙21!$A$1:$Y$30</definedName>
    <definedName name="_xlnm.Print_Area" localSheetId="16">別紙22!$A$1:$Y$32</definedName>
    <definedName name="_xlnm.Print_Area" localSheetId="17">'別紙22－2'!$A$1:$W$48</definedName>
    <definedName name="_xlnm.Print_Area" localSheetId="18">別紙23!$A$1:$AB$38</definedName>
    <definedName name="_xlnm.Print_Area" localSheetId="19">'別紙23－2'!$A$1:$W$49</definedName>
    <definedName name="_xlnm.Print_Area" localSheetId="20">'別紙25－2'!$A$1:$Z$37</definedName>
    <definedName name="_xlnm.Print_Area" localSheetId="21">別紙27!$A$1:$AC$70</definedName>
    <definedName name="_xlnm.Print_Area" localSheetId="22">別紙28!$A$1:$AB$74</definedName>
    <definedName name="_xlnm.Print_Area" localSheetId="23">別紙34!$A$1:$AA$35</definedName>
    <definedName name="_xlnm.Print_Area" localSheetId="24">別紙35!$A$1:$AI$52</definedName>
    <definedName name="_xlnm.Print_Area" localSheetId="25">別紙36!$A$1:$Z$68</definedName>
    <definedName name="_xlnm.Print_Area" localSheetId="26">'別紙36-2'!$A$1:$Z$42</definedName>
    <definedName name="_xlnm.Print_Area" localSheetId="27">別紙37!$A$1:$AC$25</definedName>
    <definedName name="_xlnm.Print_Area" localSheetId="28">'別紙37－2'!$A$1:$AH$45</definedName>
    <definedName name="_xlnm.Print_Area" localSheetId="29">別紙38!$A$1:$Y$46</definedName>
    <definedName name="_xlnm.Print_Area" localSheetId="30">別紙39!$A$1:$Z$31</definedName>
    <definedName name="_xlnm.Print_Area" localSheetId="32">別紙41!$A$1:$AC$37</definedName>
    <definedName name="_xlnm.Print_Area" localSheetId="33">別紙42!$A$1:$Y$60</definedName>
    <definedName name="_xlnm.Print_Area" localSheetId="34">別紙44!$A$1:$AD$53</definedName>
    <definedName name="_xlnm.Print_Area" localSheetId="35">別紙45!$A$1:$AC$34</definedName>
    <definedName name="_xlnm.Print_Area" localSheetId="36">別紙46!$A$1:$AA$54</definedName>
    <definedName name="_xlnm.Print_Area" localSheetId="37">別紙47!$A$1:$Y$25</definedName>
    <definedName name="_xlnm.Print_Area" localSheetId="38">別紙48!$A$1:$Y$36</definedName>
    <definedName name="_xlnm.Print_Area" localSheetId="39">'別紙48－2'!$A$1:$Y$30</definedName>
    <definedName name="_xlnm.Print_Area" localSheetId="40">別紙49!$A$1:$AC$54</definedName>
    <definedName name="_xlnm.Print_Area" localSheetId="0">'別紙７－３'!$A$1:$AD$47</definedName>
    <definedName name="_xlnm.Print_Area" localSheetId="1">別紙８!$A$1:$AB$37</definedName>
    <definedName name="サービス種別">[1]サービス種類一覧!$B$4:$B$20</definedName>
    <definedName name="サービス種類">[2]サービス種類一覧!$C$4:$C$20</definedName>
    <definedName name="サービス名" localSheetId="26">#REF!</definedName>
    <definedName name="サービス名" localSheetId="37">#N/A</definedName>
    <definedName name="サービス名">#N/A</definedName>
    <definedName name="サービス名称" localSheetId="26">#REF!</definedName>
    <definedName name="サービス名称" localSheetId="37">#N/A</definedName>
    <definedName name="サービス名称">#N/A</definedName>
    <definedName name="だだ" localSheetId="26">#REF!</definedName>
    <definedName name="だだ" localSheetId="37">#N/A</definedName>
    <definedName name="だだ">#N/A</definedName>
    <definedName name="っっｋ" localSheetId="26">#REF!</definedName>
    <definedName name="っっｋ">#N/A</definedName>
    <definedName name="っっっっｌ" localSheetId="26">#REF!</definedName>
    <definedName name="っっっっｌ">#N/A</definedName>
    <definedName name="確認" localSheetId="26">#REF!</definedName>
    <definedName name="確認">#N/A</definedName>
    <definedName name="種類">[3]サービス種類一覧!$A$4:$A$20</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U21" i="573" l="1"/>
  <c r="T21" i="573"/>
  <c r="M36" i="547"/>
  <c r="M37" i="547" s="1"/>
  <c r="F36" i="547"/>
  <c r="F37" i="547" s="1"/>
  <c r="U37" i="547" s="1"/>
  <c r="M29" i="547"/>
  <c r="F29" i="547"/>
  <c r="U29" i="547" s="1"/>
  <c r="M28" i="547"/>
  <c r="F28" i="547"/>
  <c r="R30" i="546"/>
  <c r="R20" i="546"/>
  <c r="M36" i="545"/>
  <c r="M37" i="545" s="1"/>
  <c r="F36" i="545"/>
  <c r="F37" i="545" s="1"/>
  <c r="U37" i="545" s="1"/>
  <c r="M28" i="545"/>
  <c r="M29" i="545" s="1"/>
  <c r="F28" i="545"/>
  <c r="F29" i="545" s="1"/>
  <c r="U29" i="545" s="1"/>
  <c r="Y62" i="530"/>
  <c r="U24" i="528"/>
  <c r="T24" i="528"/>
  <c r="U53" i="527"/>
  <c r="T53" i="527"/>
  <c r="U21" i="527"/>
  <c r="T21" i="527"/>
</calcChain>
</file>

<file path=xl/sharedStrings.xml><?xml version="1.0" encoding="utf-8"?>
<sst xmlns="http://schemas.openxmlformats.org/spreadsheetml/2006/main" count="3620" uniqueCount="1071">
  <si>
    <t>□</t>
  </si>
  <si>
    <t>訪問介護</t>
  </si>
  <si>
    <t>通所介護</t>
  </si>
  <si>
    <t>福祉用具貸与</t>
  </si>
  <si>
    <t>□</t>
    <phoneticPr fontId="1"/>
  </si>
  <si>
    <t>介護予防訪問入浴介護</t>
    <rPh sb="0" eb="2">
      <t>カイゴ</t>
    </rPh>
    <rPh sb="2" eb="4">
      <t>ヨボウ</t>
    </rPh>
    <phoneticPr fontId="1"/>
  </si>
  <si>
    <t>介護予防短期入所生活介護</t>
    <rPh sb="0" eb="2">
      <t>カイゴ</t>
    </rPh>
    <rPh sb="2" eb="4">
      <t>ヨボウ</t>
    </rPh>
    <phoneticPr fontId="1"/>
  </si>
  <si>
    <t>介護予防支援</t>
    <rPh sb="0" eb="2">
      <t>カイゴ</t>
    </rPh>
    <rPh sb="2" eb="4">
      <t>ヨボウ</t>
    </rPh>
    <rPh sb="4" eb="6">
      <t>シエン</t>
    </rPh>
    <phoneticPr fontId="1"/>
  </si>
  <si>
    <t>受付番号</t>
    <phoneticPr fontId="1"/>
  </si>
  <si>
    <t>令和</t>
    <rPh sb="0" eb="2">
      <t>レイワ</t>
    </rPh>
    <phoneticPr fontId="1"/>
  </si>
  <si>
    <t>年</t>
    <rPh sb="0" eb="1">
      <t>ネン</t>
    </rPh>
    <phoneticPr fontId="1"/>
  </si>
  <si>
    <t>月</t>
    <rPh sb="0" eb="1">
      <t>ゲツ</t>
    </rPh>
    <phoneticPr fontId="1"/>
  </si>
  <si>
    <t>日</t>
    <rPh sb="0" eb="1">
      <t>ヒ</t>
    </rPh>
    <phoneticPr fontId="1"/>
  </si>
  <si>
    <t>届　出　者</t>
    <phoneticPr fontId="1"/>
  </si>
  <si>
    <t>フリガナ</t>
  </si>
  <si>
    <t>名　　称</t>
    <phoneticPr fontId="1"/>
  </si>
  <si>
    <t>）</t>
    <phoneticPr fontId="1"/>
  </si>
  <si>
    <t>　(ビルの名称等)</t>
    <phoneticPr fontId="1"/>
  </si>
  <si>
    <t>連 絡 先</t>
    <phoneticPr fontId="1"/>
  </si>
  <si>
    <t>電話番号</t>
  </si>
  <si>
    <t>FAX番号</t>
  </si>
  <si>
    <t>法人所轄庁</t>
  </si>
  <si>
    <t>職名</t>
  </si>
  <si>
    <t>氏名</t>
  </si>
  <si>
    <t>代表者の住所</t>
  </si>
  <si>
    <t>管理者の氏名</t>
  </si>
  <si>
    <t>管理者の住所</t>
  </si>
  <si>
    <t>同一所在地において行う　　　　　　　　　　　　　　　事業等の種類</t>
    <phoneticPr fontId="1"/>
  </si>
  <si>
    <t>実施事業</t>
  </si>
  <si>
    <t>異動等の区分</t>
  </si>
  <si>
    <t>異動（予定）</t>
    <phoneticPr fontId="1"/>
  </si>
  <si>
    <t>異動項目</t>
    <phoneticPr fontId="1"/>
  </si>
  <si>
    <t>年月日</t>
    <rPh sb="0" eb="3">
      <t>ネンガッピ</t>
    </rPh>
    <phoneticPr fontId="1"/>
  </si>
  <si>
    <t>(※変更の場合)</t>
    <rPh sb="2" eb="4">
      <t>ヘンコウ</t>
    </rPh>
    <rPh sb="5" eb="7">
      <t>バアイ</t>
    </rPh>
    <phoneticPr fontId="1"/>
  </si>
  <si>
    <t>訪問入浴介護</t>
  </si>
  <si>
    <t>短期入所生活介護</t>
  </si>
  <si>
    <t>介護予防福祉用具貸与</t>
    <rPh sb="0" eb="2">
      <t>カイゴ</t>
    </rPh>
    <rPh sb="2" eb="4">
      <t>ヨボウ</t>
    </rPh>
    <phoneticPr fontId="1"/>
  </si>
  <si>
    <t>介護保険事業所番号</t>
  </si>
  <si>
    <t>医療機関コード等</t>
    <rPh sb="0" eb="2">
      <t>イリョウ</t>
    </rPh>
    <rPh sb="2" eb="4">
      <t>キカン</t>
    </rPh>
    <rPh sb="7" eb="8">
      <t>トウ</t>
    </rPh>
    <phoneticPr fontId="1"/>
  </si>
  <si>
    <t>特記事項</t>
  </si>
  <si>
    <t>変　更　前</t>
    <phoneticPr fontId="1"/>
  </si>
  <si>
    <t>変　更　後</t>
    <rPh sb="4" eb="5">
      <t>ゴ</t>
    </rPh>
    <phoneticPr fontId="1"/>
  </si>
  <si>
    <t>関係書類</t>
  </si>
  <si>
    <t>別添のとおり</t>
  </si>
  <si>
    <t>　　3　「法人所轄庁」欄は、申請者が認可法人である場合に、その主務官庁の名称を記載してください。</t>
    <phoneticPr fontId="1"/>
  </si>
  <si>
    <t>　　4　「実施事業」欄は、該当する欄に「〇」を記入してください。</t>
    <phoneticPr fontId="1"/>
  </si>
  <si>
    <t>　　　適宜欄を補正して、全ての出張所等の状況について記載してください。</t>
    <phoneticPr fontId="1"/>
  </si>
  <si>
    <t>介護給付費算定に係る体制等に関する進達書＜基準該当事業者用＞</t>
    <rPh sb="17" eb="19">
      <t>シンタツ</t>
    </rPh>
    <rPh sb="21" eb="23">
      <t>キジュン</t>
    </rPh>
    <rPh sb="23" eb="25">
      <t>ガイトウ</t>
    </rPh>
    <rPh sb="25" eb="28">
      <t>ジギョウシャ</t>
    </rPh>
    <phoneticPr fontId="1"/>
  </si>
  <si>
    <t>市町村長名</t>
    <rPh sb="0" eb="3">
      <t>シチョウソン</t>
    </rPh>
    <rPh sb="3" eb="4">
      <t>チョウ</t>
    </rPh>
    <rPh sb="4" eb="5">
      <t>メイ</t>
    </rPh>
    <phoneticPr fontId="1"/>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1"/>
  </si>
  <si>
    <t>法人である場合その種別</t>
    <rPh sb="5" eb="7">
      <t>バアイ</t>
    </rPh>
    <phoneticPr fontId="1"/>
  </si>
  <si>
    <t>代表者の職・氏名</t>
  </si>
  <si>
    <t>事業所の状況</t>
    <phoneticPr fontId="1"/>
  </si>
  <si>
    <t>主たる事業所の所在地</t>
    <rPh sb="3" eb="6">
      <t>ジギョウショ</t>
    </rPh>
    <phoneticPr fontId="1"/>
  </si>
  <si>
    <t>主たる事業所の所在地以外の場所で一部実施する場合の出張所等の所在地</t>
  </si>
  <si>
    <t>届出を行う事業所の状況</t>
    <rPh sb="9" eb="11">
      <t>ジョウキョウ</t>
    </rPh>
    <phoneticPr fontId="1"/>
  </si>
  <si>
    <t>登録年</t>
    <rPh sb="0" eb="2">
      <t>トウロク</t>
    </rPh>
    <rPh sb="2" eb="3">
      <t>ネン</t>
    </rPh>
    <phoneticPr fontId="1"/>
  </si>
  <si>
    <t>市町村が定める率</t>
    <rPh sb="0" eb="3">
      <t>シチョウソン</t>
    </rPh>
    <rPh sb="4" eb="5">
      <t>サダ</t>
    </rPh>
    <rPh sb="7" eb="8">
      <t>リツ</t>
    </rPh>
    <phoneticPr fontId="1"/>
  </si>
  <si>
    <t>月日</t>
    <rPh sb="0" eb="2">
      <t>ガッピ</t>
    </rPh>
    <phoneticPr fontId="1"/>
  </si>
  <si>
    <t>(市町村記載)</t>
    <rPh sb="1" eb="4">
      <t>シチョウソン</t>
    </rPh>
    <rPh sb="4" eb="6">
      <t>キサイ</t>
    </rPh>
    <phoneticPr fontId="1"/>
  </si>
  <si>
    <t>％</t>
    <phoneticPr fontId="1"/>
  </si>
  <si>
    <t>居宅介護支援</t>
    <rPh sb="0" eb="2">
      <t>キョタク</t>
    </rPh>
    <rPh sb="2" eb="4">
      <t>カイゴ</t>
    </rPh>
    <rPh sb="4" eb="6">
      <t>シエン</t>
    </rPh>
    <phoneticPr fontId="1"/>
  </si>
  <si>
    <t>基準該当事業所番号</t>
    <rPh sb="0" eb="2">
      <t>キジュン</t>
    </rPh>
    <rPh sb="2" eb="4">
      <t>ガイトウ</t>
    </rPh>
    <rPh sb="4" eb="7">
      <t>ジギョウショ</t>
    </rPh>
    <rPh sb="7" eb="9">
      <t>バンゴウ</t>
    </rPh>
    <phoneticPr fontId="1"/>
  </si>
  <si>
    <t>登録を受けている市町村</t>
    <rPh sb="0" eb="2">
      <t>トウロク</t>
    </rPh>
    <rPh sb="3" eb="4">
      <t>ウ</t>
    </rPh>
    <rPh sb="8" eb="11">
      <t>シチョウソン</t>
    </rPh>
    <phoneticPr fontId="1"/>
  </si>
  <si>
    <t>（指定を受けている場合）</t>
    <rPh sb="1" eb="3">
      <t>シテイ</t>
    </rPh>
    <rPh sb="4" eb="5">
      <t>ウ</t>
    </rPh>
    <rPh sb="9" eb="11">
      <t>バアイ</t>
    </rPh>
    <phoneticPr fontId="1"/>
  </si>
  <si>
    <t>既に指定等を受けている事業</t>
    <rPh sb="0" eb="1">
      <t>スデ</t>
    </rPh>
    <rPh sb="2" eb="4">
      <t>シテイ</t>
    </rPh>
    <rPh sb="4" eb="5">
      <t>トウ</t>
    </rPh>
    <rPh sb="6" eb="7">
      <t>ウ</t>
    </rPh>
    <rPh sb="11" eb="13">
      <t>ジギョウ</t>
    </rPh>
    <phoneticPr fontId="1"/>
  </si>
  <si>
    <t>備考1　「受付番号」欄には記載しないでください。</t>
    <rPh sb="7" eb="9">
      <t>バンゴウ</t>
    </rPh>
    <phoneticPr fontId="1"/>
  </si>
  <si>
    <t>　　2　「法人である場合その種別」欄は、申請者が法人である場合に、「社会福祉法人」「医療法人」「社団法人」</t>
    <rPh sb="10" eb="12">
      <t>バアイ</t>
    </rPh>
    <phoneticPr fontId="1"/>
  </si>
  <si>
    <t>　　　「財団法人」「株式会社」「有限会社」等の別を記入してください。</t>
    <rPh sb="7" eb="8">
      <t>ジン</t>
    </rPh>
    <rPh sb="10" eb="12">
      <t>カブシキ</t>
    </rPh>
    <rPh sb="12" eb="14">
      <t>カイシャ</t>
    </rPh>
    <phoneticPr fontId="1"/>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1"/>
  </si>
  <si>
    <t>　　8　「特記事項」欄には、異動の状況について具体的に記載してください。</t>
    <phoneticPr fontId="1"/>
  </si>
  <si>
    <t>　　9　「主たる事業所の所在地以外の場所で一部実施する場合の出張所等の所在地」について、複数の出張所等を有する場合は、</t>
    <phoneticPr fontId="1"/>
  </si>
  <si>
    <t>　　　2　「法人である場合その種別」欄は、申請者が法人である場合に、「社会福祉法人」「医療法人」「社団法人」「財団法人」「株式会社」「有限会社」等の別を記入してください。</t>
  </si>
  <si>
    <t>　　　3　「法人所轄庁」欄、申請者が認可法人である場合に、その主務官庁の名称を記載してください。</t>
  </si>
  <si>
    <t>　　　4　「実施事業」欄は、該当する欄に「〇」を記入してください。</t>
  </si>
  <si>
    <t>　　　5　「異動等の区分」欄には、今回届出を行う事業所について該当する数字に「〇」を記入してください。</t>
  </si>
  <si>
    <t>　　　6　「異動項目」欄には、(別紙1)「介護給付費算定に係る体制等状況一覧表」に掲げる項目を記載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月</t>
    <rPh sb="0" eb="1">
      <t>ガツ</t>
    </rPh>
    <phoneticPr fontId="1"/>
  </si>
  <si>
    <t>日</t>
    <rPh sb="0" eb="1">
      <t>ニチ</t>
    </rPh>
    <phoneticPr fontId="1"/>
  </si>
  <si>
    <t>事業所番号</t>
    <rPh sb="0" eb="3">
      <t>ジギョウショ</t>
    </rPh>
    <rPh sb="3" eb="5">
      <t>バンゴウ</t>
    </rPh>
    <phoneticPr fontId="1"/>
  </si>
  <si>
    <t>（別紙７ー３）</t>
    <rPh sb="1" eb="3">
      <t>ベッシ</t>
    </rPh>
    <phoneticPr fontId="1"/>
  </si>
  <si>
    <t>テクノロジーを導入する場合の夜間の人員配置基準（従来型）に係る届出書</t>
    <rPh sb="7" eb="9">
      <t>ドウニュウ</t>
    </rPh>
    <rPh sb="11" eb="13">
      <t>バアイ</t>
    </rPh>
    <rPh sb="14" eb="16">
      <t>ヤカン</t>
    </rPh>
    <rPh sb="17" eb="19">
      <t>ジンイン</t>
    </rPh>
    <rPh sb="19" eb="21">
      <t>ハイチ</t>
    </rPh>
    <rPh sb="21" eb="23">
      <t>キジュン</t>
    </rPh>
    <rPh sb="24" eb="27">
      <t>ジュウライガタ</t>
    </rPh>
    <rPh sb="29" eb="30">
      <t>カカ</t>
    </rPh>
    <rPh sb="31" eb="34">
      <t>トドケデショ</t>
    </rPh>
    <phoneticPr fontId="1"/>
  </si>
  <si>
    <t>事 業 所 名</t>
    <phoneticPr fontId="1"/>
  </si>
  <si>
    <t>異動等区分</t>
  </si>
  <si>
    <t>1　新規</t>
    <phoneticPr fontId="1"/>
  </si>
  <si>
    <t>2　変更</t>
    <phoneticPr fontId="1"/>
  </si>
  <si>
    <t>3　終了</t>
    <phoneticPr fontId="1"/>
  </si>
  <si>
    <t>施 設 種 別</t>
    <rPh sb="0" eb="1">
      <t>シ</t>
    </rPh>
    <rPh sb="2" eb="3">
      <t>セツ</t>
    </rPh>
    <rPh sb="4" eb="5">
      <t>タネ</t>
    </rPh>
    <rPh sb="6" eb="7">
      <t>ベツ</t>
    </rPh>
    <phoneticPr fontId="1"/>
  </si>
  <si>
    <t>1　介護老人福祉施設</t>
    <phoneticPr fontId="1"/>
  </si>
  <si>
    <t>2　地域密着型介護老人福祉施設</t>
  </si>
  <si>
    <t>3　短期入所生活介護</t>
  </si>
  <si>
    <t>有</t>
    <rPh sb="0" eb="1">
      <t>ア</t>
    </rPh>
    <phoneticPr fontId="1"/>
  </si>
  <si>
    <t>・</t>
    <phoneticPr fontId="1"/>
  </si>
  <si>
    <t>無</t>
    <rPh sb="0" eb="1">
      <t>ナ</t>
    </rPh>
    <phoneticPr fontId="1"/>
  </si>
  <si>
    <t>① 入所（利用）者全員に見守り機器を使用</t>
    <rPh sb="2" eb="4">
      <t>ニュウショ</t>
    </rPh>
    <rPh sb="5" eb="7">
      <t>リヨウ</t>
    </rPh>
    <rPh sb="8" eb="9">
      <t>シャ</t>
    </rPh>
    <rPh sb="9" eb="11">
      <t>ゼンイン</t>
    </rPh>
    <rPh sb="12" eb="14">
      <t>ミマモ</t>
    </rPh>
    <rPh sb="15" eb="17">
      <t>キキ</t>
    </rPh>
    <rPh sb="18" eb="20">
      <t>シヨウ</t>
    </rPh>
    <phoneticPr fontId="1"/>
  </si>
  <si>
    <t xml:space="preserve">② 夜勤職員全員がインカム等のICTを使用 </t>
    <rPh sb="2" eb="4">
      <t>ヤキン</t>
    </rPh>
    <rPh sb="4" eb="6">
      <t>ショクイン</t>
    </rPh>
    <rPh sb="6" eb="8">
      <t>ゼンイン</t>
    </rPh>
    <rPh sb="13" eb="14">
      <t>トウ</t>
    </rPh>
    <rPh sb="19" eb="21">
      <t>シヨウ</t>
    </rPh>
    <phoneticPr fontId="1"/>
  </si>
  <si>
    <t>③ 導入機器</t>
    <rPh sb="2" eb="4">
      <t>ドウニュウ</t>
    </rPh>
    <rPh sb="4" eb="6">
      <t>キキ</t>
    </rPh>
    <phoneticPr fontId="1"/>
  </si>
  <si>
    <t>　</t>
    <phoneticPr fontId="1"/>
  </si>
  <si>
    <t>名　称</t>
    <rPh sb="0" eb="1">
      <t>ナ</t>
    </rPh>
    <rPh sb="2" eb="3">
      <t>ショウ</t>
    </rPh>
    <phoneticPr fontId="1"/>
  </si>
  <si>
    <t>製造事業者</t>
    <rPh sb="0" eb="2">
      <t>セイゾウ</t>
    </rPh>
    <rPh sb="2" eb="5">
      <t>ジギョウシャ</t>
    </rPh>
    <phoneticPr fontId="1"/>
  </si>
  <si>
    <t>用　途</t>
    <rPh sb="0" eb="1">
      <t>ヨウ</t>
    </rPh>
    <rPh sb="2" eb="3">
      <t>ト</t>
    </rPh>
    <phoneticPr fontId="1"/>
  </si>
  <si>
    <t>④ 利用者の安全やケアの質の確保、職員の負担の軽減を図るため、以下のすべての
　項目について、テクノロジー導入後、少なくとも３か月以上実施</t>
    <rPh sb="2" eb="5">
      <t>リヨウシャ</t>
    </rPh>
    <rPh sb="6" eb="8">
      <t>アンゼン</t>
    </rPh>
    <rPh sb="12" eb="13">
      <t>シツ</t>
    </rPh>
    <rPh sb="14" eb="16">
      <t>カクホ</t>
    </rPh>
    <rPh sb="17" eb="19">
      <t>ショクイン</t>
    </rPh>
    <rPh sb="20" eb="22">
      <t>フタン</t>
    </rPh>
    <rPh sb="23" eb="25">
      <t>ケイゲン</t>
    </rPh>
    <rPh sb="26" eb="27">
      <t>ハカ</t>
    </rPh>
    <rPh sb="31" eb="33">
      <t>イカ</t>
    </rPh>
    <rPh sb="40" eb="42">
      <t>コウモク</t>
    </rPh>
    <rPh sb="53" eb="56">
      <t>ドウニュウゴ</t>
    </rPh>
    <rPh sb="57" eb="58">
      <t>スク</t>
    </rPh>
    <rPh sb="64" eb="65">
      <t>ツキ</t>
    </rPh>
    <rPh sb="65" eb="67">
      <t>イジョウ</t>
    </rPh>
    <rPh sb="67" eb="69">
      <t>ジッシ</t>
    </rPh>
    <phoneticPr fontId="1"/>
  </si>
  <si>
    <t>ⅱ 職員に対する十分な休憩時間の確保等の勤務・雇用条件への配慮</t>
    <rPh sb="2" eb="4">
      <t>ショクイン</t>
    </rPh>
    <rPh sb="5" eb="6">
      <t>タイ</t>
    </rPh>
    <rPh sb="8" eb="10">
      <t>ジュウブン</t>
    </rPh>
    <rPh sb="11" eb="13">
      <t>キュウケイ</t>
    </rPh>
    <rPh sb="13" eb="15">
      <t>ジカン</t>
    </rPh>
    <rPh sb="16" eb="18">
      <t>カクホ</t>
    </rPh>
    <rPh sb="18" eb="19">
      <t>トウ</t>
    </rPh>
    <rPh sb="20" eb="22">
      <t>キンム</t>
    </rPh>
    <rPh sb="23" eb="25">
      <t>コヨウ</t>
    </rPh>
    <rPh sb="25" eb="27">
      <t>ジョウケン</t>
    </rPh>
    <rPh sb="29" eb="31">
      <t>ハイリョ</t>
    </rPh>
    <phoneticPr fontId="1"/>
  </si>
  <si>
    <t>ⅲ 緊急時の体制整備（近隣在住職員を中心とした緊急参集要員の確保等）</t>
    <rPh sb="2" eb="5">
      <t>キンキュウジ</t>
    </rPh>
    <rPh sb="6" eb="8">
      <t>タイセイ</t>
    </rPh>
    <rPh sb="8" eb="10">
      <t>セイビ</t>
    </rPh>
    <rPh sb="11" eb="13">
      <t>キンリン</t>
    </rPh>
    <rPh sb="13" eb="15">
      <t>ザイジュウ</t>
    </rPh>
    <rPh sb="15" eb="17">
      <t>ショクイン</t>
    </rPh>
    <rPh sb="18" eb="20">
      <t>チュウシン</t>
    </rPh>
    <rPh sb="23" eb="25">
      <t>キンキュウ</t>
    </rPh>
    <rPh sb="25" eb="27">
      <t>サンシュウ</t>
    </rPh>
    <rPh sb="27" eb="29">
      <t>ヨウイン</t>
    </rPh>
    <rPh sb="30" eb="32">
      <t>カクホ</t>
    </rPh>
    <rPh sb="32" eb="33">
      <t>トウ</t>
    </rPh>
    <phoneticPr fontId="1"/>
  </si>
  <si>
    <t>ⅳ 機器の不具合の定期チェックの実施（メーカーとの連携を含む）</t>
    <rPh sb="2" eb="4">
      <t>キキ</t>
    </rPh>
    <rPh sb="5" eb="8">
      <t>フグアイ</t>
    </rPh>
    <rPh sb="9" eb="11">
      <t>テイキ</t>
    </rPh>
    <rPh sb="16" eb="18">
      <t>ジッシ</t>
    </rPh>
    <rPh sb="25" eb="27">
      <t>レンケイ</t>
    </rPh>
    <rPh sb="28" eb="29">
      <t>フク</t>
    </rPh>
    <phoneticPr fontId="1"/>
  </si>
  <si>
    <t>ⅴ 職員に対するテクノロジー活用に関する教育の実施</t>
    <rPh sb="2" eb="4">
      <t>ショクイン</t>
    </rPh>
    <rPh sb="5" eb="6">
      <t>タイ</t>
    </rPh>
    <rPh sb="14" eb="16">
      <t>カツヨウ</t>
    </rPh>
    <rPh sb="17" eb="18">
      <t>カン</t>
    </rPh>
    <rPh sb="20" eb="22">
      <t>キョウイク</t>
    </rPh>
    <rPh sb="23" eb="25">
      <t>ジッシ</t>
    </rPh>
    <phoneticPr fontId="1"/>
  </si>
  <si>
    <t>ⅵ 夜間の訪室が必要な利用者に対する訪室の個別実施</t>
    <rPh sb="2" eb="4">
      <t>ヤカン</t>
    </rPh>
    <rPh sb="5" eb="7">
      <t>ホウシツ</t>
    </rPh>
    <rPh sb="8" eb="10">
      <t>ヒツヨウ</t>
    </rPh>
    <rPh sb="11" eb="14">
      <t>リヨウシャ</t>
    </rPh>
    <rPh sb="15" eb="16">
      <t>タイ</t>
    </rPh>
    <rPh sb="18" eb="20">
      <t>ホウシツ</t>
    </rPh>
    <rPh sb="21" eb="23">
      <t>コベツ</t>
    </rPh>
    <rPh sb="23" eb="25">
      <t>ジッシ</t>
    </rPh>
    <phoneticPr fontId="1"/>
  </si>
  <si>
    <t>⑤ ④ⅰの委員会で安全体制やケアの質の確保、職員の負担軽減が図られている
　ことを確認</t>
    <rPh sb="5" eb="8">
      <t>イインカイ</t>
    </rPh>
    <rPh sb="9" eb="11">
      <t>アンゼン</t>
    </rPh>
    <rPh sb="11" eb="13">
      <t>タイセイ</t>
    </rPh>
    <rPh sb="17" eb="18">
      <t>シツ</t>
    </rPh>
    <rPh sb="19" eb="21">
      <t>カクホ</t>
    </rPh>
    <rPh sb="22" eb="24">
      <t>ショクイン</t>
    </rPh>
    <rPh sb="25" eb="27">
      <t>フタン</t>
    </rPh>
    <rPh sb="27" eb="29">
      <t>ケイゲン</t>
    </rPh>
    <rPh sb="30" eb="31">
      <t>ハカ</t>
    </rPh>
    <rPh sb="41" eb="43">
      <t>カクニン</t>
    </rPh>
    <phoneticPr fontId="1"/>
  </si>
  <si>
    <t>備考１　要件を満たすことが分かる議事概要を提出すること。このほか要件を満たすことが分かる根拠書類を準備し、</t>
    <rPh sb="0" eb="2">
      <t>ビコウ</t>
    </rPh>
    <rPh sb="4" eb="6">
      <t>ヨウケン</t>
    </rPh>
    <rPh sb="7" eb="8">
      <t>ミ</t>
    </rPh>
    <rPh sb="13" eb="14">
      <t>ワ</t>
    </rPh>
    <rPh sb="16" eb="18">
      <t>ギジ</t>
    </rPh>
    <rPh sb="18" eb="20">
      <t>ガイヨウ</t>
    </rPh>
    <rPh sb="21" eb="23">
      <t>テイシュツ</t>
    </rPh>
    <rPh sb="32" eb="34">
      <t>ヨウケン</t>
    </rPh>
    <rPh sb="35" eb="36">
      <t>ミ</t>
    </rPh>
    <rPh sb="41" eb="42">
      <t>ブン</t>
    </rPh>
    <rPh sb="44" eb="46">
      <t>コンキョ</t>
    </rPh>
    <rPh sb="46" eb="48">
      <t>ショルイ</t>
    </rPh>
    <rPh sb="49" eb="51">
      <t>ジュンビ</t>
    </rPh>
    <phoneticPr fontId="1"/>
  </si>
  <si>
    <t>　　　指定権者からの求めがあった場合には、速やかに提出すること。</t>
    <rPh sb="3" eb="5">
      <t>シテイ</t>
    </rPh>
    <rPh sb="5" eb="6">
      <t>ケン</t>
    </rPh>
    <rPh sb="6" eb="7">
      <t>シャ</t>
    </rPh>
    <rPh sb="10" eb="11">
      <t>モト</t>
    </rPh>
    <rPh sb="16" eb="18">
      <t>バアイ</t>
    </rPh>
    <rPh sb="21" eb="22">
      <t>スミ</t>
    </rPh>
    <rPh sb="25" eb="27">
      <t>テイシュツ</t>
    </rPh>
    <phoneticPr fontId="1"/>
  </si>
  <si>
    <t>備考２　④ⅰの委員会には夜勤職員をはじめ実際にケア等を行う多職種の職員が参画すること。</t>
    <rPh sb="0" eb="2">
      <t>ビコウ</t>
    </rPh>
    <rPh sb="7" eb="10">
      <t>イインカイ</t>
    </rPh>
    <rPh sb="12" eb="14">
      <t>ヤキン</t>
    </rPh>
    <rPh sb="14" eb="16">
      <t>ショクイン</t>
    </rPh>
    <rPh sb="20" eb="22">
      <t>ジッサイ</t>
    </rPh>
    <rPh sb="25" eb="26">
      <t>トウ</t>
    </rPh>
    <rPh sb="27" eb="28">
      <t>オコナ</t>
    </rPh>
    <rPh sb="29" eb="32">
      <t>タショクシュ</t>
    </rPh>
    <rPh sb="33" eb="35">
      <t>ショクイン</t>
    </rPh>
    <rPh sb="36" eb="38">
      <t>サンカク</t>
    </rPh>
    <phoneticPr fontId="1"/>
  </si>
  <si>
    <t>（別紙14）</t>
    <phoneticPr fontId="1"/>
  </si>
  <si>
    <t>事 業 所 名</t>
  </si>
  <si>
    <t>異動等区分</t>
    <phoneticPr fontId="1"/>
  </si>
  <si>
    <t>施設等の区分</t>
    <phoneticPr fontId="1"/>
  </si>
  <si>
    <t>1　(介護予防）訪問看護事業所（訪問看護ステーション）</t>
    <phoneticPr fontId="1"/>
  </si>
  <si>
    <t>2　(介護予防）訪問看護事業所（病院又は診療所）</t>
    <phoneticPr fontId="1"/>
  </si>
  <si>
    <t>3　定期巡回・随時対応型訪問介護看護事業所</t>
    <phoneticPr fontId="1"/>
  </si>
  <si>
    <t>4　看護小規模多機能型居宅介護事業所</t>
    <phoneticPr fontId="1"/>
  </si>
  <si>
    <t>届 出 項 目</t>
    <phoneticPr fontId="1"/>
  </si>
  <si>
    <t>1　緊急時（介護予防）訪問看護加算</t>
    <phoneticPr fontId="1"/>
  </si>
  <si>
    <t>2　緊急時対応加算</t>
    <rPh sb="2" eb="5">
      <t>キンキュウジ</t>
    </rPh>
    <rPh sb="5" eb="7">
      <t>タイオウ</t>
    </rPh>
    <rPh sb="7" eb="9">
      <t>カサン</t>
    </rPh>
    <phoneticPr fontId="1"/>
  </si>
  <si>
    <t>3　特別管理加算に係る体制</t>
    <phoneticPr fontId="1"/>
  </si>
  <si>
    <t>4　ターミナルケア体制</t>
    <phoneticPr fontId="1"/>
  </si>
  <si>
    <t xml:space="preserve"> 1　緊急時（介護予防）訪問看護加算又は緊急時対応加算に係る届出内容</t>
    <rPh sb="18" eb="19">
      <t>マタ</t>
    </rPh>
    <rPh sb="20" eb="23">
      <t>キンキュウジ</t>
    </rPh>
    <rPh sb="23" eb="25">
      <t>タイオウ</t>
    </rPh>
    <rPh sb="25" eb="27">
      <t>カサン</t>
    </rPh>
    <phoneticPr fontId="1"/>
  </si>
  <si>
    <t>①　連絡相談を担当する職員 （</t>
    <phoneticPr fontId="1"/>
  </si>
  <si>
    <t>　）人</t>
    <rPh sb="2" eb="3">
      <t>ニン</t>
    </rPh>
    <phoneticPr fontId="1"/>
  </si>
  <si>
    <t>保健師</t>
  </si>
  <si>
    <t>人</t>
  </si>
  <si>
    <t>常勤</t>
  </si>
  <si>
    <t>非常勤</t>
  </si>
  <si>
    <t>看護師</t>
  </si>
  <si>
    <t>保健師、看護師以外の職員が利用者又はその家族等からの電話等に対応する体制となっているか。「有」にチェックを入れた場合、下記の欄に保健師、看護師以外の職員について記載すること。　※緊急時（介護予防）訪問看護加算のみ　</t>
    <rPh sb="22" eb="23">
      <t>ナド</t>
    </rPh>
    <rPh sb="28" eb="29">
      <t>ナド</t>
    </rPh>
    <rPh sb="34" eb="36">
      <t>タイセイ</t>
    </rPh>
    <rPh sb="64" eb="66">
      <t>ホケン</t>
    </rPh>
    <rPh sb="66" eb="67">
      <t>シ</t>
    </rPh>
    <rPh sb="68" eb="71">
      <t>カンゴシ</t>
    </rPh>
    <rPh sb="71" eb="73">
      <t>イガイ</t>
    </rPh>
    <rPh sb="74" eb="76">
      <t>ショクイン</t>
    </rPh>
    <rPh sb="80" eb="82">
      <t>キサイ</t>
    </rPh>
    <phoneticPr fontId="1"/>
  </si>
  <si>
    <t>・</t>
  </si>
  <si>
    <t>　保健師、看護師以外の職員</t>
    <rPh sb="1" eb="4">
      <t>ホケンシ</t>
    </rPh>
    <rPh sb="5" eb="8">
      <t>カンゴシ</t>
    </rPh>
    <rPh sb="8" eb="10">
      <t>イガイ</t>
    </rPh>
    <rPh sb="11" eb="13">
      <t>ショクイン</t>
    </rPh>
    <phoneticPr fontId="1"/>
  </si>
  <si>
    <t>理学療法士</t>
    <rPh sb="0" eb="2">
      <t>リガク</t>
    </rPh>
    <rPh sb="2" eb="5">
      <t>リョウホウシ</t>
    </rPh>
    <phoneticPr fontId="1"/>
  </si>
  <si>
    <t>作業療法士</t>
    <rPh sb="0" eb="2">
      <t>サギョウ</t>
    </rPh>
    <rPh sb="2" eb="5">
      <t>リョウホウシ</t>
    </rPh>
    <phoneticPr fontId="1"/>
  </si>
  <si>
    <t>言語聴覚士</t>
    <rPh sb="0" eb="2">
      <t>ゲンゴ</t>
    </rPh>
    <rPh sb="2" eb="5">
      <t>チョウカクシ</t>
    </rPh>
    <phoneticPr fontId="1"/>
  </si>
  <si>
    <t>事務職員</t>
    <rPh sb="0" eb="2">
      <t>ジム</t>
    </rPh>
    <rPh sb="2" eb="4">
      <t>ショクイン</t>
    </rPh>
    <phoneticPr fontId="1"/>
  </si>
  <si>
    <t>その他</t>
    <rPh sb="2" eb="3">
      <t>タ</t>
    </rPh>
    <phoneticPr fontId="1"/>
  </si>
  <si>
    <t>②　連絡方法</t>
    <phoneticPr fontId="1"/>
  </si>
  <si>
    <t>③　連絡先電話番号</t>
    <phoneticPr fontId="1"/>
  </si>
  <si>
    <t>（</t>
    <phoneticPr fontId="1"/>
  </si>
  <si>
    <t xml:space="preserve"> 2　看護師等以外の職員が利用者又は家族等からの電話連絡を受ける場合に必要な</t>
    <rPh sb="29" eb="30">
      <t>ウ</t>
    </rPh>
    <rPh sb="32" eb="34">
      <t>バアイ</t>
    </rPh>
    <rPh sb="35" eb="37">
      <t>ヒツヨウ</t>
    </rPh>
    <phoneticPr fontId="1"/>
  </si>
  <si>
    <t>体制　※ (介護予防）訪問看護事業所のみ</t>
    <rPh sb="0" eb="2">
      <t>タイセイ</t>
    </rPh>
    <phoneticPr fontId="1"/>
  </si>
  <si>
    <t>①　看護師等以外の職員が利用者又はその家族等からの電話等による連絡及び</t>
    <phoneticPr fontId="1"/>
  </si>
  <si>
    <t>マニュアル添付</t>
    <rPh sb="5" eb="7">
      <t>テンプ</t>
    </rPh>
    <phoneticPr fontId="1"/>
  </si>
  <si>
    <t>　 相談に対応する際のマニュアルが整備されていること。</t>
    <phoneticPr fontId="1"/>
  </si>
  <si>
    <t>②　緊急の訪問看護の必要性の判断を保健師又は看護師が速やかに行え
る連絡</t>
    <phoneticPr fontId="1"/>
  </si>
  <si>
    <t xml:space="preserve">    体制及び緊急の訪問看護が可能な体制が整備されているこ
と。</t>
    <phoneticPr fontId="1"/>
  </si>
  <si>
    <t>③　当該訪問看護ステーションの管理者は、連絡相談を担当する看護師
等以外の</t>
    <phoneticPr fontId="1"/>
  </si>
  <si>
    <t xml:space="preserve">    職員の勤務体制及び勤務状況を明らかにすること。</t>
    <phoneticPr fontId="1"/>
  </si>
  <si>
    <t>④　看護師等以外の職員は、電話等により連絡及び相談を受けた際に、保
健師</t>
    <phoneticPr fontId="1"/>
  </si>
  <si>
    <t xml:space="preserve">    又は看護師へ報告すること。報告を受けた保健師又は看護師は、当該報告</t>
    <phoneticPr fontId="1"/>
  </si>
  <si>
    <t xml:space="preserve">    内容等を訪問看護記録書に記録すること。</t>
    <phoneticPr fontId="1"/>
  </si>
  <si>
    <t>⑤　①から④について、利用者及び家族等に説明し、同意を得ること。</t>
    <phoneticPr fontId="1"/>
  </si>
  <si>
    <t>3　緊急時（介護予防）訪問看護加算（Ⅰ）に係る届出内容（①又は②は必須項目）</t>
    <rPh sb="29" eb="30">
      <t>マタ</t>
    </rPh>
    <rPh sb="33" eb="35">
      <t>ヒッス</t>
    </rPh>
    <rPh sb="35" eb="37">
      <t>コウモク</t>
    </rPh>
    <phoneticPr fontId="1"/>
  </si>
  <si>
    <t>※　(介護予防）訪問看護事業所、定期巡回・随時対応型訪問介護看護のみ</t>
    <rPh sb="16" eb="18">
      <t>テイキ</t>
    </rPh>
    <rPh sb="18" eb="20">
      <t>ジュンカイ</t>
    </rPh>
    <rPh sb="21" eb="23">
      <t>ズイジ</t>
    </rPh>
    <rPh sb="23" eb="26">
      <t>タイオウガタ</t>
    </rPh>
    <rPh sb="26" eb="28">
      <t>ホウモン</t>
    </rPh>
    <rPh sb="28" eb="30">
      <t>カイゴ</t>
    </rPh>
    <rPh sb="30" eb="32">
      <t>カンゴ</t>
    </rPh>
    <phoneticPr fontId="1"/>
  </si>
  <si>
    <t>①　夜間対応した翌日の勤務間隔の確保</t>
    <phoneticPr fontId="1"/>
  </si>
  <si>
    <t>②　夜間対応に係る勤務の連続回数が２連続（２回）まで</t>
    <rPh sb="9" eb="11">
      <t>キンム</t>
    </rPh>
    <rPh sb="14" eb="16">
      <t>カイスウ</t>
    </rPh>
    <rPh sb="18" eb="20">
      <t>レンゾク</t>
    </rPh>
    <phoneticPr fontId="1"/>
  </si>
  <si>
    <t>③　夜間対応後の暦日の休日確保</t>
    <phoneticPr fontId="1"/>
  </si>
  <si>
    <t>④　夜間勤務のニーズを踏まえた勤務体制の工夫</t>
    <phoneticPr fontId="1"/>
  </si>
  <si>
    <t>⑤　ICT、AI、IoT等の活用による業務負担軽減</t>
    <rPh sb="12" eb="13">
      <t>トウ</t>
    </rPh>
    <phoneticPr fontId="1"/>
  </si>
  <si>
    <t>⑥　電話等による連絡及び相談を担当する者に対する支援体制の確保</t>
    <phoneticPr fontId="1"/>
  </si>
  <si>
    <t>備考　緊急時の（介護予防）訪問看護、特別管理、ターミナルケアのそれぞれについて、体制を</t>
    <rPh sb="8" eb="10">
      <t>カイゴ</t>
    </rPh>
    <rPh sb="10" eb="12">
      <t>ヨボウ</t>
    </rPh>
    <phoneticPr fontId="1"/>
  </si>
  <si>
    <t>　　敷いている場合について提出してください。２の看護師等以外の職員が電話連絡の対応を行う</t>
    <rPh sb="24" eb="27">
      <t>カンゴシ</t>
    </rPh>
    <rPh sb="27" eb="28">
      <t>トウ</t>
    </rPh>
    <rPh sb="28" eb="30">
      <t>イガイ</t>
    </rPh>
    <rPh sb="31" eb="33">
      <t>ショクイン</t>
    </rPh>
    <rPh sb="34" eb="36">
      <t>デンワ</t>
    </rPh>
    <rPh sb="36" eb="38">
      <t>レンラク</t>
    </rPh>
    <rPh sb="39" eb="41">
      <t>タイオウ</t>
    </rPh>
    <rPh sb="42" eb="43">
      <t>オコナ</t>
    </rPh>
    <phoneticPr fontId="1"/>
  </si>
  <si>
    <t>　　場合には、２の①の「マニュアル」も添付してください。</t>
    <rPh sb="2" eb="4">
      <t>バアイ</t>
    </rPh>
    <rPh sb="19" eb="21">
      <t>テンプ</t>
    </rPh>
    <phoneticPr fontId="1"/>
  </si>
  <si>
    <t>緊急時（介護予防）訪問看護加算・特別管理体制・ターミナルケア体制に係る届出書</t>
    <rPh sb="4" eb="6">
      <t>カイゴ</t>
    </rPh>
    <rPh sb="6" eb="8">
      <t>ヨボウ</t>
    </rPh>
    <rPh sb="30" eb="32">
      <t>タイセイ</t>
    </rPh>
    <rPh sb="33" eb="34">
      <t>カカ</t>
    </rPh>
    <rPh sb="35" eb="38">
      <t>トドケデショ</t>
    </rPh>
    <phoneticPr fontId="1"/>
  </si>
  <si>
    <t>①　24時間常時連絡できる体制を整備している。</t>
    <phoneticPr fontId="1"/>
  </si>
  <si>
    <t>②　当該加算に対応可能な職員体制・勤務体制を整備している。</t>
    <phoneticPr fontId="1"/>
  </si>
  <si>
    <t>③　病状の変化、医療器具に係る取扱い等において医療機関等との密接な</t>
    <phoneticPr fontId="1"/>
  </si>
  <si>
    <t>　連携体制を整備している。</t>
    <phoneticPr fontId="1"/>
  </si>
  <si>
    <t>②　ターミナルケアの提供過程における利用者の心身状況の変化及びこれに</t>
    <rPh sb="10" eb="12">
      <t>テイキョウ</t>
    </rPh>
    <rPh sb="12" eb="14">
      <t>カテイ</t>
    </rPh>
    <rPh sb="18" eb="21">
      <t>リヨウシャ</t>
    </rPh>
    <rPh sb="22" eb="24">
      <t>シンシン</t>
    </rPh>
    <rPh sb="24" eb="26">
      <t>ジョウキョウ</t>
    </rPh>
    <rPh sb="27" eb="29">
      <t>ヘンカ</t>
    </rPh>
    <rPh sb="29" eb="30">
      <t>オヨ</t>
    </rPh>
    <phoneticPr fontId="1"/>
  </si>
  <si>
    <t>　対する看護の内容等必要な事項が適切に記録される体制を整備している。</t>
    <rPh sb="4" eb="6">
      <t>カンゴ</t>
    </rPh>
    <rPh sb="7" eb="9">
      <t>ナイヨウ</t>
    </rPh>
    <rPh sb="9" eb="10">
      <t>トウ</t>
    </rPh>
    <rPh sb="10" eb="12">
      <t>ヒツヨウ</t>
    </rPh>
    <rPh sb="13" eb="15">
      <t>ジコウ</t>
    </rPh>
    <rPh sb="16" eb="18">
      <t>テキセツ</t>
    </rPh>
    <rPh sb="19" eb="21">
      <t>キロク</t>
    </rPh>
    <rPh sb="24" eb="26">
      <t>タイセイ</t>
    </rPh>
    <rPh sb="27" eb="29">
      <t>セイビ</t>
    </rPh>
    <phoneticPr fontId="1"/>
  </si>
  <si>
    <t>（別紙17）</t>
    <phoneticPr fontId="1"/>
  </si>
  <si>
    <t>１  看護体制強化加算（Ⅰ）</t>
    <phoneticPr fontId="1"/>
  </si>
  <si>
    <t>２  看護体制強化加算（Ⅱ）　</t>
    <phoneticPr fontId="1"/>
  </si>
  <si>
    <t>①</t>
    <phoneticPr fontId="1"/>
  </si>
  <si>
    <t>人</t>
    <rPh sb="0" eb="1">
      <t>ニン</t>
    </rPh>
    <phoneticPr fontId="1"/>
  </si>
  <si>
    <t>②</t>
    <phoneticPr fontId="1"/>
  </si>
  <si>
    <t>①のうち緊急時訪問看護加算を算定した実利用者数</t>
    <phoneticPr fontId="1"/>
  </si>
  <si>
    <t>→</t>
    <phoneticPr fontId="1"/>
  </si>
  <si>
    <t>①に占める②の割合が
５０％以上</t>
    <rPh sb="2" eb="3">
      <t>シ</t>
    </rPh>
    <rPh sb="7" eb="8">
      <t>ワリ</t>
    </rPh>
    <rPh sb="8" eb="9">
      <t>ゴウ</t>
    </rPh>
    <rPh sb="14" eb="16">
      <t>イジョウ</t>
    </rPh>
    <phoneticPr fontId="1"/>
  </si>
  <si>
    <t>①のうち特別管理加算(Ⅰ)又は(Ⅱ)を算定した実利用者数</t>
    <phoneticPr fontId="1"/>
  </si>
  <si>
    <t>①に占める②の割合が
２０％以上</t>
    <rPh sb="2" eb="3">
      <t>シ</t>
    </rPh>
    <rPh sb="7" eb="8">
      <t>ワリ</t>
    </rPh>
    <rPh sb="8" eb="9">
      <t>ゴウ</t>
    </rPh>
    <rPh sb="14" eb="16">
      <t>イジョウ</t>
    </rPh>
    <phoneticPr fontId="1"/>
  </si>
  <si>
    <t>前１２か月間のターミナルケア加算の算定人数</t>
    <phoneticPr fontId="1"/>
  </si>
  <si>
    <t>（別紙49）</t>
    <phoneticPr fontId="1"/>
  </si>
  <si>
    <t>看護体制及びサテライト体制に係る届出書（看護小規模多機能型居宅介護事業所）</t>
    <rPh sb="4" eb="5">
      <t>オヨ</t>
    </rPh>
    <rPh sb="11" eb="13">
      <t>タイセイ</t>
    </rPh>
    <phoneticPr fontId="1"/>
  </si>
  <si>
    <t>届出項目</t>
    <rPh sb="0" eb="2">
      <t>トドケデ</t>
    </rPh>
    <rPh sb="2" eb="4">
      <t>コウモク</t>
    </rPh>
    <phoneticPr fontId="1"/>
  </si>
  <si>
    <t>３  訪問看護体制減算</t>
    <phoneticPr fontId="1"/>
  </si>
  <si>
    <t>４  サテライト体制未整備減算</t>
    <phoneticPr fontId="1"/>
  </si>
  <si>
    <t>○　看護体制強化加算に係る届出内容</t>
    <phoneticPr fontId="1"/>
  </si>
  <si>
    <t>前３か月間の実利用者の総数</t>
    <phoneticPr fontId="1"/>
  </si>
  <si>
    <t>①のうち主治の医師の指示に基づき看護サービスを提供した実利用者数</t>
    <phoneticPr fontId="1"/>
  </si>
  <si>
    <t>①に占める②の割合が
８０％以上</t>
    <rPh sb="2" eb="3">
      <t>シ</t>
    </rPh>
    <rPh sb="7" eb="8">
      <t>ワリ</t>
    </rPh>
    <rPh sb="8" eb="9">
      <t>ゴウ</t>
    </rPh>
    <rPh sb="14" eb="16">
      <t>イジョウ</t>
    </rPh>
    <phoneticPr fontId="1"/>
  </si>
  <si>
    <t>１人以上</t>
    <rPh sb="1" eb="2">
      <t>ニン</t>
    </rPh>
    <rPh sb="2" eb="4">
      <t>イジョウ</t>
    </rPh>
    <phoneticPr fontId="1"/>
  </si>
  <si>
    <t>５　登録特定行為事業者又は登録喀痰吸引等事業者として届出がなされている</t>
    <phoneticPr fontId="1"/>
  </si>
  <si>
    <t>○　訪問看護体制減算に係る届出内容</t>
    <phoneticPr fontId="1"/>
  </si>
  <si>
    <t>①に占める②の割合が
３０％未満</t>
    <rPh sb="2" eb="3">
      <t>シ</t>
    </rPh>
    <rPh sb="7" eb="8">
      <t>ワリ</t>
    </rPh>
    <rPh sb="8" eb="9">
      <t>ゴウ</t>
    </rPh>
    <rPh sb="14" eb="16">
      <t>ミマン</t>
    </rPh>
    <phoneticPr fontId="1"/>
  </si>
  <si>
    <t>①に占める②の割合が
５％未満</t>
    <rPh sb="2" eb="3">
      <t>シ</t>
    </rPh>
    <rPh sb="7" eb="8">
      <t>ワリ</t>
    </rPh>
    <rPh sb="8" eb="9">
      <t>ゴウ</t>
    </rPh>
    <rPh sb="13" eb="15">
      <t>ミマン</t>
    </rPh>
    <phoneticPr fontId="1"/>
  </si>
  <si>
    <t>○　サテライト体制未整備減算に係る届出内容</t>
    <rPh sb="7" eb="9">
      <t>タイセイ</t>
    </rPh>
    <rPh sb="9" eb="12">
      <t>ミセイビ</t>
    </rPh>
    <phoneticPr fontId="1"/>
  </si>
  <si>
    <t>サテライト型看護小規模多機能型居宅介護事業所の本体事業所における訪問看護体制減算の届出</t>
    <rPh sb="41" eb="43">
      <t>トドケデ</t>
    </rPh>
    <phoneticPr fontId="1"/>
  </si>
  <si>
    <t>サテライト型看護小規模多機能型居宅介護事業所における訪問看護体制減算の届出</t>
    <rPh sb="35" eb="37">
      <t>トドケデ</t>
    </rPh>
    <phoneticPr fontId="1"/>
  </si>
  <si>
    <t>（別紙15）</t>
    <phoneticPr fontId="1"/>
  </si>
  <si>
    <t>専門管理加算に係る届出書</t>
    <rPh sb="0" eb="2">
      <t>センモン</t>
    </rPh>
    <rPh sb="2" eb="4">
      <t>カンリ</t>
    </rPh>
    <rPh sb="4" eb="6">
      <t>カサン</t>
    </rPh>
    <rPh sb="7" eb="8">
      <t>カカ</t>
    </rPh>
    <rPh sb="9" eb="12">
      <t>トドケデショ</t>
    </rPh>
    <phoneticPr fontId="1"/>
  </si>
  <si>
    <t>3　看護小規模多機能型居宅介護事業所</t>
    <phoneticPr fontId="1"/>
  </si>
  <si>
    <t>届 出 事 項</t>
    <rPh sb="4" eb="5">
      <t>コト</t>
    </rPh>
    <rPh sb="6" eb="7">
      <t>コウ</t>
    </rPh>
    <phoneticPr fontId="1"/>
  </si>
  <si>
    <t>1　緩和ケア</t>
    <rPh sb="2" eb="4">
      <t>カンワ</t>
    </rPh>
    <phoneticPr fontId="1"/>
  </si>
  <si>
    <t>2　褥瘡ケア</t>
    <rPh sb="2" eb="4">
      <t>ジョクソウ</t>
    </rPh>
    <phoneticPr fontId="1"/>
  </si>
  <si>
    <t>3　人工肛門ケア及び人工膀胱ケア</t>
    <rPh sb="2" eb="4">
      <t>ジンコウ</t>
    </rPh>
    <rPh sb="4" eb="6">
      <t>コウモン</t>
    </rPh>
    <rPh sb="8" eb="9">
      <t>オヨ</t>
    </rPh>
    <rPh sb="10" eb="12">
      <t>ジンコウ</t>
    </rPh>
    <rPh sb="12" eb="14">
      <t>ボウコウ</t>
    </rPh>
    <phoneticPr fontId="1"/>
  </si>
  <si>
    <t>4　特定行為</t>
    <rPh sb="2" eb="4">
      <t>トクテイ</t>
    </rPh>
    <rPh sb="4" eb="6">
      <t>コウイ</t>
    </rPh>
    <phoneticPr fontId="1"/>
  </si>
  <si>
    <t>専門管理加算に係る届出内容</t>
    <rPh sb="0" eb="2">
      <t>センモン</t>
    </rPh>
    <rPh sb="2" eb="4">
      <t>カンリ</t>
    </rPh>
    <rPh sb="4" eb="6">
      <t>カサン</t>
    </rPh>
    <phoneticPr fontId="1"/>
  </si>
  <si>
    <t>1　緩和ケアに関する専門研修</t>
    <rPh sb="2" eb="4">
      <t>カンワ</t>
    </rPh>
    <rPh sb="7" eb="8">
      <t>カン</t>
    </rPh>
    <rPh sb="10" eb="12">
      <t>センモン</t>
    </rPh>
    <rPh sb="12" eb="14">
      <t>ケンシュウ</t>
    </rPh>
    <phoneticPr fontId="1"/>
  </si>
  <si>
    <t>氏名</t>
    <rPh sb="0" eb="2">
      <t>シメイ</t>
    </rPh>
    <phoneticPr fontId="1"/>
  </si>
  <si>
    <t>2　褥瘡ケアに関する専門研修</t>
    <rPh sb="2" eb="4">
      <t>ジョクソウ</t>
    </rPh>
    <rPh sb="7" eb="8">
      <t>カン</t>
    </rPh>
    <rPh sb="10" eb="12">
      <t>センモン</t>
    </rPh>
    <rPh sb="12" eb="14">
      <t>ケンシュウ</t>
    </rPh>
    <phoneticPr fontId="1"/>
  </si>
  <si>
    <t>3　人工肛門ケア及び人工膀胱ケアに関する専門研修</t>
    <rPh sb="2" eb="4">
      <t>ジンコウ</t>
    </rPh>
    <rPh sb="4" eb="6">
      <t>コウモン</t>
    </rPh>
    <rPh sb="8" eb="9">
      <t>オヨ</t>
    </rPh>
    <rPh sb="10" eb="12">
      <t>ジンコウ</t>
    </rPh>
    <rPh sb="12" eb="14">
      <t>ボウコウ</t>
    </rPh>
    <rPh sb="17" eb="18">
      <t>カン</t>
    </rPh>
    <rPh sb="20" eb="22">
      <t>センモン</t>
    </rPh>
    <rPh sb="22" eb="24">
      <t>ケンシュウ</t>
    </rPh>
    <phoneticPr fontId="1"/>
  </si>
  <si>
    <t>4　特定行為研修</t>
    <rPh sb="2" eb="4">
      <t>トクテイ</t>
    </rPh>
    <rPh sb="4" eb="6">
      <t>コウイ</t>
    </rPh>
    <rPh sb="6" eb="8">
      <t>ケンシュウ</t>
    </rPh>
    <phoneticPr fontId="1"/>
  </si>
  <si>
    <t>　　敷いている場合について提出してください。</t>
    <phoneticPr fontId="1"/>
  </si>
  <si>
    <t>（別紙16）</t>
    <phoneticPr fontId="1"/>
  </si>
  <si>
    <t>遠隔死亡診断補助加算に係る届出書</t>
    <rPh sb="0" eb="2">
      <t>エンカク</t>
    </rPh>
    <rPh sb="2" eb="4">
      <t>シボウ</t>
    </rPh>
    <rPh sb="4" eb="6">
      <t>シンダン</t>
    </rPh>
    <rPh sb="6" eb="8">
      <t>ホジョ</t>
    </rPh>
    <rPh sb="8" eb="10">
      <t>カサン</t>
    </rPh>
    <rPh sb="11" eb="12">
      <t>カカ</t>
    </rPh>
    <rPh sb="13" eb="16">
      <t>トドケデショ</t>
    </rPh>
    <phoneticPr fontId="1"/>
  </si>
  <si>
    <t>届 出 項 目</t>
    <rPh sb="0" eb="1">
      <t>トドケ</t>
    </rPh>
    <rPh sb="2" eb="3">
      <t>デ</t>
    </rPh>
    <rPh sb="4" eb="5">
      <t>コウ</t>
    </rPh>
    <rPh sb="6" eb="7">
      <t>メ</t>
    </rPh>
    <phoneticPr fontId="1"/>
  </si>
  <si>
    <t>遠隔死亡診断補助加算</t>
    <rPh sb="0" eb="2">
      <t>エンカク</t>
    </rPh>
    <rPh sb="2" eb="4">
      <t>シボウ</t>
    </rPh>
    <rPh sb="4" eb="6">
      <t>シンダン</t>
    </rPh>
    <rPh sb="6" eb="8">
      <t>ホジョ</t>
    </rPh>
    <rPh sb="8" eb="10">
      <t>カサン</t>
    </rPh>
    <phoneticPr fontId="1"/>
  </si>
  <si>
    <t>遠隔死亡診断補助加算に係る届出内容</t>
    <rPh sb="0" eb="2">
      <t>エンカク</t>
    </rPh>
    <rPh sb="2" eb="4">
      <t>シボウ</t>
    </rPh>
    <rPh sb="4" eb="6">
      <t>シンダン</t>
    </rPh>
    <rPh sb="6" eb="8">
      <t>ホジョ</t>
    </rPh>
    <rPh sb="8" eb="10">
      <t>カサン</t>
    </rPh>
    <phoneticPr fontId="1"/>
  </si>
  <si>
    <t>情報通信機器を用いた在宅での看取りに係る研修を受けた看護師</t>
    <rPh sb="0" eb="2">
      <t>ジョウホウ</t>
    </rPh>
    <rPh sb="2" eb="4">
      <t>ツウシン</t>
    </rPh>
    <rPh sb="4" eb="6">
      <t>キキ</t>
    </rPh>
    <rPh sb="7" eb="8">
      <t>モチ</t>
    </rPh>
    <rPh sb="10" eb="12">
      <t>ザイタク</t>
    </rPh>
    <rPh sb="14" eb="16">
      <t>ミト</t>
    </rPh>
    <rPh sb="18" eb="19">
      <t>カカ</t>
    </rPh>
    <rPh sb="20" eb="22">
      <t>ケンシュウ</t>
    </rPh>
    <rPh sb="23" eb="24">
      <t>ウ</t>
    </rPh>
    <rPh sb="26" eb="29">
      <t>カンゴシ</t>
    </rPh>
    <phoneticPr fontId="1"/>
  </si>
  <si>
    <t>看護職員の状況</t>
    <rPh sb="0" eb="2">
      <t>カンゴ</t>
    </rPh>
    <rPh sb="2" eb="4">
      <t>ショクイン</t>
    </rPh>
    <rPh sb="5" eb="7">
      <t>ジョウキョウ</t>
    </rPh>
    <phoneticPr fontId="1"/>
  </si>
  <si>
    <t>　常勤</t>
    <phoneticPr fontId="1"/>
  </si>
  <si>
    <t>　准看護師</t>
    <rPh sb="1" eb="2">
      <t>ジュン</t>
    </rPh>
    <phoneticPr fontId="1"/>
  </si>
  <si>
    <t>　24時間常時連絡できる体制を整備している。</t>
    <phoneticPr fontId="1"/>
  </si>
  <si>
    <t>　定員</t>
    <rPh sb="1" eb="3">
      <t>テイイン</t>
    </rPh>
    <phoneticPr fontId="1"/>
  </si>
  <si>
    <t>連携する病院・診療所・訪問看護ステーション</t>
    <rPh sb="0" eb="2">
      <t>レンケイ</t>
    </rPh>
    <rPh sb="4" eb="6">
      <t>ビョウイン</t>
    </rPh>
    <rPh sb="7" eb="10">
      <t>シンリョウジョ</t>
    </rPh>
    <rPh sb="11" eb="13">
      <t>ホウモン</t>
    </rPh>
    <rPh sb="13" eb="15">
      <t>カンゴ</t>
    </rPh>
    <phoneticPr fontId="1"/>
  </si>
  <si>
    <t>病院・診療所・訪問看護ステーション名</t>
    <rPh sb="0" eb="2">
      <t>ビョウイン</t>
    </rPh>
    <rPh sb="3" eb="6">
      <t>シンリョウジョ</t>
    </rPh>
    <rPh sb="7" eb="9">
      <t>ホウモン</t>
    </rPh>
    <rPh sb="9" eb="11">
      <t>カンゴ</t>
    </rPh>
    <rPh sb="17" eb="18">
      <t>メイ</t>
    </rPh>
    <phoneticPr fontId="1"/>
  </si>
  <si>
    <t>看護体制加算に係る届出書</t>
    <rPh sb="0" eb="2">
      <t>カンゴ</t>
    </rPh>
    <rPh sb="2" eb="4">
      <t>タイセイ</t>
    </rPh>
    <rPh sb="4" eb="6">
      <t>カサン</t>
    </rPh>
    <rPh sb="7" eb="8">
      <t>カカ</t>
    </rPh>
    <rPh sb="9" eb="12">
      <t>トドケデショ</t>
    </rPh>
    <phoneticPr fontId="1"/>
  </si>
  <si>
    <t>2　地域密着型介護老人福祉施設</t>
    <phoneticPr fontId="1"/>
  </si>
  <si>
    <t>1　看護体制加算（Ⅰ）イ</t>
    <phoneticPr fontId="1"/>
  </si>
  <si>
    <t>2　看護体制加算（Ⅰ）ロ</t>
    <phoneticPr fontId="1"/>
  </si>
  <si>
    <t>3　看護体制加算（Ⅱ）イ</t>
    <phoneticPr fontId="1"/>
  </si>
  <si>
    <t>4　看護体制加算（Ⅱ）ロ</t>
    <phoneticPr fontId="1"/>
  </si>
  <si>
    <t xml:space="preserve"> 看護体制加算に関する届出内容</t>
    <rPh sb="1" eb="3">
      <t>カンゴ</t>
    </rPh>
    <rPh sb="3" eb="5">
      <t>タイセイ</t>
    </rPh>
    <rPh sb="8" eb="9">
      <t>カン</t>
    </rPh>
    <phoneticPr fontId="1"/>
  </si>
  <si>
    <t>定員及び入所者の状況</t>
    <rPh sb="0" eb="2">
      <t>テイイン</t>
    </rPh>
    <rPh sb="2" eb="3">
      <t>オヨ</t>
    </rPh>
    <rPh sb="4" eb="7">
      <t>ニュウショシャ</t>
    </rPh>
    <rPh sb="8" eb="10">
      <t>ジョウキョウ</t>
    </rPh>
    <phoneticPr fontId="1"/>
  </si>
  <si>
    <t>　入所者数</t>
    <rPh sb="1" eb="4">
      <t>ニュウショシャ</t>
    </rPh>
    <rPh sb="4" eb="5">
      <t>スウ</t>
    </rPh>
    <phoneticPr fontId="1"/>
  </si>
  <si>
    <t>　保 健 師</t>
    <rPh sb="1" eb="2">
      <t>タモツ</t>
    </rPh>
    <rPh sb="3" eb="4">
      <t>ケン</t>
    </rPh>
    <rPh sb="5" eb="6">
      <t>シ</t>
    </rPh>
    <phoneticPr fontId="1"/>
  </si>
  <si>
    <t>　常勤換算</t>
    <rPh sb="3" eb="5">
      <t>カンサン</t>
    </rPh>
    <phoneticPr fontId="1"/>
  </si>
  <si>
    <t>　看 護 師</t>
    <phoneticPr fontId="1"/>
  </si>
  <si>
    <t>看取り介護体制に係る届出書</t>
    <rPh sb="0" eb="2">
      <t>ミト</t>
    </rPh>
    <rPh sb="3" eb="5">
      <t>カイゴ</t>
    </rPh>
    <rPh sb="5" eb="7">
      <t>タイセイ</t>
    </rPh>
    <rPh sb="8" eb="9">
      <t>カカ</t>
    </rPh>
    <rPh sb="10" eb="13">
      <t>トドケデショ</t>
    </rPh>
    <phoneticPr fontId="1"/>
  </si>
  <si>
    <t xml:space="preserve"> 看取り介護体制に関する届出内容</t>
    <rPh sb="1" eb="3">
      <t>ミト</t>
    </rPh>
    <rPh sb="4" eb="6">
      <t>カイゴ</t>
    </rPh>
    <rPh sb="6" eb="8">
      <t>タイセイ</t>
    </rPh>
    <rPh sb="9" eb="10">
      <t>カン</t>
    </rPh>
    <phoneticPr fontId="1"/>
  </si>
  <si>
    <t>　①　24時間常時連絡できる体制を整備している。</t>
    <phoneticPr fontId="1"/>
  </si>
  <si>
    <t>　②　看取りに関する指針を定め、入所の際に、入所者又は
　　その家族等に説明し、同意を得る体制を整備している。</t>
    <rPh sb="3" eb="5">
      <t>ミト</t>
    </rPh>
    <rPh sb="7" eb="8">
      <t>カン</t>
    </rPh>
    <rPh sb="10" eb="12">
      <t>シシン</t>
    </rPh>
    <rPh sb="13" eb="14">
      <t>サダ</t>
    </rPh>
    <rPh sb="16" eb="18">
      <t>ニュウショ</t>
    </rPh>
    <rPh sb="19" eb="20">
      <t>サイ</t>
    </rPh>
    <rPh sb="22" eb="25">
      <t>ニュウショシャ</t>
    </rPh>
    <rPh sb="25" eb="26">
      <t>マタ</t>
    </rPh>
    <rPh sb="32" eb="34">
      <t>カゾク</t>
    </rPh>
    <rPh sb="34" eb="35">
      <t>トウ</t>
    </rPh>
    <rPh sb="36" eb="38">
      <t>セツメイ</t>
    </rPh>
    <rPh sb="40" eb="42">
      <t>ドウイ</t>
    </rPh>
    <rPh sb="43" eb="44">
      <t>エ</t>
    </rPh>
    <rPh sb="45" eb="47">
      <t>タイセイ</t>
    </rPh>
    <rPh sb="48" eb="50">
      <t>セイビ</t>
    </rPh>
    <phoneticPr fontId="1"/>
  </si>
  <si>
    <t>　③　医師、看護職員、生活相談員、介護職員、介護支援専門員
　　その他の職種の者による協議の上、施設における看取りの実
　　績等を踏まえ、適宜、看取りに関する指針の見直しを行う体
　　制を整備している。</t>
    <rPh sb="11" eb="13">
      <t>セイカツ</t>
    </rPh>
    <rPh sb="13" eb="16">
      <t>ソウダンイン</t>
    </rPh>
    <phoneticPr fontId="1"/>
  </si>
  <si>
    <t>　④　看取りに関する職員研修を行う体制を整備している。</t>
    <rPh sb="3" eb="5">
      <t>ミト</t>
    </rPh>
    <rPh sb="7" eb="8">
      <t>カン</t>
    </rPh>
    <rPh sb="10" eb="12">
      <t>ショクイン</t>
    </rPh>
    <rPh sb="12" eb="14">
      <t>ケンシュウ</t>
    </rPh>
    <rPh sb="15" eb="16">
      <t>オコナ</t>
    </rPh>
    <rPh sb="17" eb="19">
      <t>タイセイ</t>
    </rPh>
    <rPh sb="20" eb="22">
      <t>セイビ</t>
    </rPh>
    <phoneticPr fontId="1"/>
  </si>
  <si>
    <t>　⑤　看取りを行う際の個室又は静養室の利用が可能となる
　　体制を整備している。</t>
    <rPh sb="3" eb="5">
      <t>ミト</t>
    </rPh>
    <rPh sb="7" eb="8">
      <t>オコナ</t>
    </rPh>
    <rPh sb="9" eb="10">
      <t>サイ</t>
    </rPh>
    <rPh sb="11" eb="13">
      <t>コシツ</t>
    </rPh>
    <rPh sb="13" eb="14">
      <t>マタ</t>
    </rPh>
    <rPh sb="15" eb="17">
      <t>セイヨウ</t>
    </rPh>
    <rPh sb="17" eb="18">
      <t>シツ</t>
    </rPh>
    <rPh sb="19" eb="21">
      <t>リヨウ</t>
    </rPh>
    <rPh sb="22" eb="24">
      <t>カノウ</t>
    </rPh>
    <rPh sb="33" eb="35">
      <t>セイビ</t>
    </rPh>
    <phoneticPr fontId="1"/>
  </si>
  <si>
    <t>　⑥　配置医師緊急時対応加算の算定体制の届出をしている。</t>
    <rPh sb="3" eb="5">
      <t>ハイチ</t>
    </rPh>
    <rPh sb="5" eb="7">
      <t>イシ</t>
    </rPh>
    <rPh sb="7" eb="10">
      <t>キンキュウジ</t>
    </rPh>
    <rPh sb="10" eb="12">
      <t>タイオウ</t>
    </rPh>
    <rPh sb="12" eb="14">
      <t>カサン</t>
    </rPh>
    <rPh sb="15" eb="17">
      <t>サンテイ</t>
    </rPh>
    <rPh sb="17" eb="19">
      <t>タイセイ</t>
    </rPh>
    <rPh sb="20" eb="22">
      <t>トドケデ</t>
    </rPh>
    <phoneticPr fontId="1"/>
  </si>
  <si>
    <t>看取り連携体制加算に係る届出書</t>
    <rPh sb="0" eb="2">
      <t>ミト</t>
    </rPh>
    <rPh sb="3" eb="5">
      <t>レンケイ</t>
    </rPh>
    <rPh sb="5" eb="7">
      <t>タイセイ</t>
    </rPh>
    <rPh sb="7" eb="9">
      <t>カサン</t>
    </rPh>
    <rPh sb="10" eb="11">
      <t>カカ</t>
    </rPh>
    <rPh sb="12" eb="15">
      <t>トドケデショ</t>
    </rPh>
    <phoneticPr fontId="1"/>
  </si>
  <si>
    <t>（訪問入浴介護事業所、短期入所生活介護事業所、小規模多機能型居宅介護事業所）</t>
    <rPh sb="1" eb="3">
      <t>ホウモン</t>
    </rPh>
    <rPh sb="3" eb="5">
      <t>ニュウヨク</t>
    </rPh>
    <rPh sb="5" eb="7">
      <t>カイゴ</t>
    </rPh>
    <rPh sb="7" eb="10">
      <t>ジギョウショ</t>
    </rPh>
    <rPh sb="11" eb="19">
      <t>タンキニュウショセイカツカイゴ</t>
    </rPh>
    <rPh sb="19" eb="22">
      <t>ジギョウショ</t>
    </rPh>
    <phoneticPr fontId="1"/>
  </si>
  <si>
    <t>事業所等の区分</t>
    <rPh sb="0" eb="3">
      <t>ジギョウショ</t>
    </rPh>
    <phoneticPr fontId="1"/>
  </si>
  <si>
    <t>1　訪問入浴介護事業所</t>
    <rPh sb="2" eb="11">
      <t>ホウモンニュウヨクカイゴジギョウショ</t>
    </rPh>
    <phoneticPr fontId="1"/>
  </si>
  <si>
    <t>2　短期入所生活介護事業所</t>
    <rPh sb="2" eb="13">
      <t>タンキニュウショセイカツカイゴジギョウショ</t>
    </rPh>
    <phoneticPr fontId="1"/>
  </si>
  <si>
    <t>3　小規模多機能型居宅介護事業所</t>
    <rPh sb="2" eb="5">
      <t>ショウキボ</t>
    </rPh>
    <rPh sb="5" eb="9">
      <t>タキノウガタ</t>
    </rPh>
    <rPh sb="9" eb="11">
      <t>キョタク</t>
    </rPh>
    <rPh sb="11" eb="13">
      <t>カイゴ</t>
    </rPh>
    <rPh sb="13" eb="16">
      <t>ジギョウショ</t>
    </rPh>
    <phoneticPr fontId="1"/>
  </si>
  <si>
    <t>看取り連携体制加算に係る届出内容</t>
    <rPh sb="0" eb="2">
      <t>ミト</t>
    </rPh>
    <rPh sb="3" eb="5">
      <t>レンケイ</t>
    </rPh>
    <rPh sb="5" eb="7">
      <t>タイセイ</t>
    </rPh>
    <rPh sb="7" eb="9">
      <t>カサン</t>
    </rPh>
    <rPh sb="10" eb="11">
      <t>カカワ</t>
    </rPh>
    <rPh sb="12" eb="14">
      <t>トドケデ</t>
    </rPh>
    <rPh sb="14" eb="16">
      <t>ナイヨウ</t>
    </rPh>
    <phoneticPr fontId="1"/>
  </si>
  <si>
    <t>訪問入浴
介護</t>
    <rPh sb="0" eb="2">
      <t>ホウモン</t>
    </rPh>
    <rPh sb="2" eb="4">
      <t>ニュウヨク</t>
    </rPh>
    <rPh sb="5" eb="7">
      <t>カイゴ</t>
    </rPh>
    <phoneticPr fontId="1"/>
  </si>
  <si>
    <t>訪問看護ステーション等との連携により、利用者の状態等に応じた対応ができる連絡体制を確保し、かつ、必要に応じて当該訪問看護ステーション等により訪問看護等が提供されるよう訪問入浴介護を行う日時を当該訪問看護ステーション等と調整している。</t>
    <phoneticPr fontId="1"/>
  </si>
  <si>
    <t>看取り期における対応方針を定め、利用開始の際に、利用者又はその家族等に対して、当該対応方針の内容を説明し、同意を得ている。</t>
    <phoneticPr fontId="1"/>
  </si>
  <si>
    <t>③</t>
    <phoneticPr fontId="1"/>
  </si>
  <si>
    <t>看取りに関する職員研修を行っている。</t>
    <rPh sb="0" eb="2">
      <t>ミト</t>
    </rPh>
    <rPh sb="4" eb="5">
      <t>カン</t>
    </rPh>
    <rPh sb="7" eb="9">
      <t>ショクイン</t>
    </rPh>
    <rPh sb="9" eb="11">
      <t>ケンシュウ</t>
    </rPh>
    <rPh sb="12" eb="13">
      <t>オコナ</t>
    </rPh>
    <phoneticPr fontId="1"/>
  </si>
  <si>
    <t>④</t>
    <phoneticPr fontId="1"/>
  </si>
  <si>
    <t>「人生の最終段階における医療・ケアの決定プロセスに関するガイドライン」等の内容に沿った取組を行っている。</t>
    <phoneticPr fontId="1"/>
  </si>
  <si>
    <t>短期入所
生活介護</t>
    <rPh sb="0" eb="2">
      <t>タンキ</t>
    </rPh>
    <rPh sb="2" eb="4">
      <t>ニュウショ</t>
    </rPh>
    <rPh sb="5" eb="7">
      <t>セイカツ</t>
    </rPh>
    <rPh sb="7" eb="9">
      <t>カイゴ</t>
    </rPh>
    <phoneticPr fontId="1"/>
  </si>
  <si>
    <t>看護体制加算（Ⅱ）又は（Ⅳ）イ若しくはロを算定している。</t>
    <rPh sb="2" eb="4">
      <t>タイセイ</t>
    </rPh>
    <rPh sb="9" eb="10">
      <t>マタ</t>
    </rPh>
    <rPh sb="15" eb="16">
      <t>モ</t>
    </rPh>
    <phoneticPr fontId="1"/>
  </si>
  <si>
    <t>看護体制加算（Ⅰ）又は（Ⅲ）イ若しくはロを算定している。かつ、短期入所生活介護事業所の看護職員により、又は病院、診療所、訪問看護ステーション若しくは本体施設の看護職員との連携により24時間連絡でき
る体制を確保している。</t>
    <rPh sb="2" eb="4">
      <t>タイセイ</t>
    </rPh>
    <rPh sb="9" eb="10">
      <t>マタ</t>
    </rPh>
    <rPh sb="15" eb="16">
      <t>モ</t>
    </rPh>
    <phoneticPr fontId="1"/>
  </si>
  <si>
    <t>看取り期における対応方針を定め、利用開始の際に、登録者又はその家族等に当該方針の内容を説明し、同意を得ている。</t>
    <phoneticPr fontId="1"/>
  </si>
  <si>
    <t>ケアカンファレンスや対応の実践を振り返る等により、看取り期における対応方針の内容その他看取り期におけるサービス体制について、適宜見直しを行っている。</t>
    <rPh sb="10" eb="12">
      <t>タイオウ</t>
    </rPh>
    <rPh sb="13" eb="15">
      <t>ジッセン</t>
    </rPh>
    <rPh sb="16" eb="17">
      <t>フ</t>
    </rPh>
    <rPh sb="18" eb="19">
      <t>カエ</t>
    </rPh>
    <rPh sb="20" eb="21">
      <t>トウ</t>
    </rPh>
    <rPh sb="25" eb="27">
      <t>ミト</t>
    </rPh>
    <rPh sb="28" eb="29">
      <t>キ</t>
    </rPh>
    <rPh sb="33" eb="35">
      <t>タイオウ</t>
    </rPh>
    <rPh sb="35" eb="37">
      <t>ホウシン</t>
    </rPh>
    <rPh sb="38" eb="40">
      <t>ナイヨウ</t>
    </rPh>
    <rPh sb="42" eb="43">
      <t>ホカ</t>
    </rPh>
    <rPh sb="43" eb="45">
      <t>ミト</t>
    </rPh>
    <rPh sb="46" eb="47">
      <t>キ</t>
    </rPh>
    <rPh sb="55" eb="57">
      <t>タイセイ</t>
    </rPh>
    <rPh sb="62" eb="64">
      <t>テキギ</t>
    </rPh>
    <rPh sb="64" eb="66">
      <t>ミナオ</t>
    </rPh>
    <rPh sb="68" eb="69">
      <t>オコナ</t>
    </rPh>
    <phoneticPr fontId="1"/>
  </si>
  <si>
    <t>⑤</t>
    <phoneticPr fontId="1"/>
  </si>
  <si>
    <t>短期入所生活介護事業所において看取りを行う際には、個室又は静養室を利用するなど、プライバシーの確保及び家族へ配慮をすることについて十分留意している。</t>
    <rPh sb="0" eb="11">
      <t>タンキニュウショセイカツカイゴジギョウショ</t>
    </rPh>
    <rPh sb="15" eb="17">
      <t>ミト</t>
    </rPh>
    <rPh sb="19" eb="20">
      <t>オコナ</t>
    </rPh>
    <rPh sb="21" eb="22">
      <t>サイ</t>
    </rPh>
    <rPh sb="25" eb="27">
      <t>コシツ</t>
    </rPh>
    <rPh sb="27" eb="28">
      <t>マタ</t>
    </rPh>
    <rPh sb="29" eb="31">
      <t>セイヨウ</t>
    </rPh>
    <rPh sb="31" eb="32">
      <t>シツ</t>
    </rPh>
    <rPh sb="33" eb="35">
      <t>リヨウ</t>
    </rPh>
    <phoneticPr fontId="1"/>
  </si>
  <si>
    <t>⑥</t>
    <phoneticPr fontId="1"/>
  </si>
  <si>
    <t>小規模多機能型居宅介護</t>
    <rPh sb="0" eb="11">
      <t>ショウキボタキノウガタキョタクカイゴ</t>
    </rPh>
    <phoneticPr fontId="1"/>
  </si>
  <si>
    <t>看護職員配置加算（Ⅰ）を算定している。</t>
    <phoneticPr fontId="1"/>
  </si>
  <si>
    <t>看護師により24時間連絡できる体制を確保している。</t>
    <phoneticPr fontId="1"/>
  </si>
  <si>
    <t>宿泊室等において看取りを行う場合に、プライバシーの確保及び家族へ配慮をすることについて十分留意している。</t>
  </si>
  <si>
    <t>備考　要件を満たすことが分かる根拠書類を準備し、指定権者からの求めがあった場合には、</t>
    <phoneticPr fontId="1"/>
  </si>
  <si>
    <t>　　速やかに提出すること。</t>
    <rPh sb="2" eb="3">
      <t>スミ</t>
    </rPh>
    <rPh sb="6" eb="8">
      <t>テイシュツ</t>
    </rPh>
    <phoneticPr fontId="1"/>
  </si>
  <si>
    <t>（別紙47）</t>
    <phoneticPr fontId="1"/>
  </si>
  <si>
    <t>看取り介護加算に係る届出書（認知症対応型共同生活介護事業所）</t>
    <rPh sb="0" eb="2">
      <t>ミト</t>
    </rPh>
    <rPh sb="3" eb="5">
      <t>カイゴ</t>
    </rPh>
    <rPh sb="5" eb="7">
      <t>カサン</t>
    </rPh>
    <rPh sb="8" eb="9">
      <t>カカ</t>
    </rPh>
    <rPh sb="10" eb="13">
      <t>トドケデショ</t>
    </rPh>
    <rPh sb="14" eb="17">
      <t>ニンチショウ</t>
    </rPh>
    <rPh sb="17" eb="20">
      <t>タイオウガタ</t>
    </rPh>
    <rPh sb="20" eb="22">
      <t>キョウドウ</t>
    </rPh>
    <rPh sb="22" eb="24">
      <t>セイカツ</t>
    </rPh>
    <rPh sb="24" eb="26">
      <t>カイゴ</t>
    </rPh>
    <rPh sb="26" eb="29">
      <t>ジギョウショ</t>
    </rPh>
    <phoneticPr fontId="1"/>
  </si>
  <si>
    <t>看取り介護加算に係る届出内容</t>
    <rPh sb="0" eb="2">
      <t>ミト</t>
    </rPh>
    <rPh sb="3" eb="5">
      <t>カイゴ</t>
    </rPh>
    <rPh sb="5" eb="7">
      <t>カサン</t>
    </rPh>
    <rPh sb="8" eb="9">
      <t>カカワ</t>
    </rPh>
    <rPh sb="10" eb="12">
      <t>トドケデ</t>
    </rPh>
    <rPh sb="12" eb="14">
      <t>ナイヨウ</t>
    </rPh>
    <phoneticPr fontId="1"/>
  </si>
  <si>
    <t>看取りに関する指針を定め、入居の際に、利用者又はその家族等に当該指針の内容を説明し、同意を得ている。</t>
    <rPh sb="4" eb="5">
      <t>カン</t>
    </rPh>
    <rPh sb="7" eb="9">
      <t>シシン</t>
    </rPh>
    <rPh sb="13" eb="15">
      <t>ニュウキョ</t>
    </rPh>
    <rPh sb="19" eb="21">
      <t>リヨウ</t>
    </rPh>
    <rPh sb="32" eb="34">
      <t>シシン</t>
    </rPh>
    <phoneticPr fontId="1"/>
  </si>
  <si>
    <t>看取りに関する指針について、医師、看護職員（※）、介護職員、介護支援専門員その他の職種の者による協議の上、当該事業所における看取りの実績等を踏まえ、適宜、見直しを行う。</t>
    <rPh sb="0" eb="2">
      <t>ミト</t>
    </rPh>
    <rPh sb="4" eb="5">
      <t>カン</t>
    </rPh>
    <rPh sb="7" eb="9">
      <t>シシン</t>
    </rPh>
    <rPh sb="14" eb="16">
      <t>イシ</t>
    </rPh>
    <rPh sb="17" eb="19">
      <t>カンゴ</t>
    </rPh>
    <rPh sb="19" eb="21">
      <t>ショクイン</t>
    </rPh>
    <rPh sb="25" eb="27">
      <t>カイゴ</t>
    </rPh>
    <rPh sb="27" eb="29">
      <t>ショクイン</t>
    </rPh>
    <rPh sb="30" eb="32">
      <t>カイゴ</t>
    </rPh>
    <rPh sb="32" eb="34">
      <t>シエン</t>
    </rPh>
    <rPh sb="34" eb="37">
      <t>センモンイン</t>
    </rPh>
    <rPh sb="39" eb="40">
      <t>タ</t>
    </rPh>
    <rPh sb="41" eb="43">
      <t>ショクシュ</t>
    </rPh>
    <rPh sb="44" eb="45">
      <t>シャ</t>
    </rPh>
    <rPh sb="48" eb="50">
      <t>キョウギ</t>
    </rPh>
    <rPh sb="51" eb="52">
      <t>ウエ</t>
    </rPh>
    <rPh sb="53" eb="55">
      <t>トウガイ</t>
    </rPh>
    <rPh sb="55" eb="58">
      <t>ジギョウショ</t>
    </rPh>
    <rPh sb="62" eb="64">
      <t>ミト</t>
    </rPh>
    <rPh sb="66" eb="68">
      <t>ジッセキ</t>
    </rPh>
    <rPh sb="68" eb="69">
      <t>トウ</t>
    </rPh>
    <rPh sb="70" eb="71">
      <t>フ</t>
    </rPh>
    <rPh sb="74" eb="76">
      <t>テキギ</t>
    </rPh>
    <rPh sb="77" eb="79">
      <t>ミナオ</t>
    </rPh>
    <rPh sb="81" eb="82">
      <t>オコナ</t>
    </rPh>
    <phoneticPr fontId="1"/>
  </si>
  <si>
    <t>「人生の最終段階における医療・ケアの決定プロセスに関するガイドライン」等の内容に沿った取組を行っている。</t>
    <rPh sb="1" eb="3">
      <t>ジンセイ</t>
    </rPh>
    <rPh sb="4" eb="6">
      <t>サイシュウ</t>
    </rPh>
    <rPh sb="6" eb="8">
      <t>ダンカイ</t>
    </rPh>
    <rPh sb="12" eb="14">
      <t>イリョウ</t>
    </rPh>
    <rPh sb="18" eb="20">
      <t>ケッテイ</t>
    </rPh>
    <rPh sb="25" eb="26">
      <t>カン</t>
    </rPh>
    <rPh sb="35" eb="36">
      <t>トウ</t>
    </rPh>
    <rPh sb="37" eb="39">
      <t>ナイヨウ</t>
    </rPh>
    <rPh sb="40" eb="41">
      <t>ソ</t>
    </rPh>
    <rPh sb="43" eb="45">
      <t>トリクミ</t>
    </rPh>
    <rPh sb="46" eb="47">
      <t>オコナ</t>
    </rPh>
    <phoneticPr fontId="1"/>
  </si>
  <si>
    <t>※</t>
    <phoneticPr fontId="1"/>
  </si>
  <si>
    <t>看護職員は事業所の職員又は当該事業所と密接な連携を確保できる範囲内の距離にある病院若しくは診療所若しくは訪問看護ステーションの職員に限る。</t>
    <rPh sb="0" eb="2">
      <t>カンゴ</t>
    </rPh>
    <rPh sb="2" eb="4">
      <t>ショクイン</t>
    </rPh>
    <rPh sb="5" eb="8">
      <t>ジギョウショ</t>
    </rPh>
    <rPh sb="9" eb="11">
      <t>ショクイン</t>
    </rPh>
    <rPh sb="11" eb="12">
      <t>マタ</t>
    </rPh>
    <rPh sb="13" eb="15">
      <t>トウガイ</t>
    </rPh>
    <rPh sb="15" eb="18">
      <t>ジギョウショ</t>
    </rPh>
    <rPh sb="19" eb="21">
      <t>ミッセツ</t>
    </rPh>
    <rPh sb="22" eb="24">
      <t>レンケイ</t>
    </rPh>
    <rPh sb="25" eb="27">
      <t>カクホ</t>
    </rPh>
    <rPh sb="30" eb="33">
      <t>ハンイナイ</t>
    </rPh>
    <rPh sb="34" eb="36">
      <t>キョリ</t>
    </rPh>
    <rPh sb="39" eb="41">
      <t>ビョウイン</t>
    </rPh>
    <rPh sb="41" eb="42">
      <t>モ</t>
    </rPh>
    <rPh sb="45" eb="48">
      <t>シンリョウショ</t>
    </rPh>
    <rPh sb="48" eb="49">
      <t>モ</t>
    </rPh>
    <rPh sb="52" eb="56">
      <t>ホウモンカンゴ</t>
    </rPh>
    <rPh sb="63" eb="65">
      <t>ショクイン</t>
    </rPh>
    <rPh sb="66" eb="67">
      <t>カギ</t>
    </rPh>
    <phoneticPr fontId="1"/>
  </si>
  <si>
    <t>備考</t>
    <phoneticPr fontId="1"/>
  </si>
  <si>
    <t>要件を満たすことが分かる根拠書類を準備し、指定権者からの求めがあった場合には、速やかに提出すること。</t>
    <phoneticPr fontId="1"/>
  </si>
  <si>
    <t>事 業 所 名</t>
    <rPh sb="0" eb="1">
      <t>コト</t>
    </rPh>
    <rPh sb="2" eb="3">
      <t>ギョウ</t>
    </rPh>
    <rPh sb="4" eb="5">
      <t>ショ</t>
    </rPh>
    <rPh sb="6" eb="7">
      <t>メイ</t>
    </rPh>
    <phoneticPr fontId="1"/>
  </si>
  <si>
    <t>異動等区分</t>
    <rPh sb="0" eb="2">
      <t>イドウ</t>
    </rPh>
    <rPh sb="2" eb="3">
      <t>トウ</t>
    </rPh>
    <rPh sb="3" eb="5">
      <t>クブン</t>
    </rPh>
    <phoneticPr fontId="1"/>
  </si>
  <si>
    <t>1　特定事業所加算(Ⅰ)</t>
    <phoneticPr fontId="1"/>
  </si>
  <si>
    <t>2　特定事業所加算(Ⅱ)</t>
    <phoneticPr fontId="1"/>
  </si>
  <si>
    <t>3　特定事業所加算(Ⅲ)</t>
    <phoneticPr fontId="1"/>
  </si>
  <si>
    <t>「病院等」は「病院、診療所若しくは指定訪問看護ステーション」を指す。</t>
    <phoneticPr fontId="1"/>
  </si>
  <si>
    <t>事業所名</t>
    <phoneticPr fontId="1"/>
  </si>
  <si>
    <t>ア．前年度（３月を除く）の実績の平均</t>
  </si>
  <si>
    <t>イ．届出日の属する月の前３月</t>
  </si>
  <si>
    <t>月</t>
  </si>
  <si>
    <t>（別紙35）</t>
    <phoneticPr fontId="1"/>
  </si>
  <si>
    <t>特定事業所加算(Ⅰ)～(Ⅲ)・特定事業所医療介護連携加算・ターミナルケアマネジメント加算に係る届出書
（居宅介護支援事業所）</t>
    <rPh sb="0" eb="2">
      <t>トクテイ</t>
    </rPh>
    <rPh sb="2" eb="5">
      <t>ジギョウショ</t>
    </rPh>
    <rPh sb="5" eb="7">
      <t>カサン</t>
    </rPh>
    <rPh sb="15" eb="17">
      <t>トクテイ</t>
    </rPh>
    <rPh sb="17" eb="20">
      <t>ジギョウショ</t>
    </rPh>
    <rPh sb="20" eb="22">
      <t>イリョウ</t>
    </rPh>
    <rPh sb="22" eb="24">
      <t>カイゴ</t>
    </rPh>
    <rPh sb="24" eb="26">
      <t>レンケイ</t>
    </rPh>
    <rPh sb="26" eb="28">
      <t>カサン</t>
    </rPh>
    <rPh sb="42" eb="44">
      <t>カサン</t>
    </rPh>
    <rPh sb="45" eb="46">
      <t>カカ</t>
    </rPh>
    <rPh sb="47" eb="50">
      <t>トドケデショ</t>
    </rPh>
    <rPh sb="52" eb="54">
      <t>キョタク</t>
    </rPh>
    <rPh sb="54" eb="56">
      <t>カイゴ</t>
    </rPh>
    <rPh sb="56" eb="58">
      <t>シエン</t>
    </rPh>
    <rPh sb="58" eb="61">
      <t>ジギョウショ</t>
    </rPh>
    <phoneticPr fontId="1"/>
  </si>
  <si>
    <t>届出項目</t>
    <phoneticPr fontId="1"/>
  </si>
  <si>
    <t>4　特定事業所医療介護連携加算</t>
    <rPh sb="2" eb="4">
      <t>トクテイ</t>
    </rPh>
    <rPh sb="4" eb="7">
      <t>ジギョウショ</t>
    </rPh>
    <rPh sb="7" eb="9">
      <t>イリョウ</t>
    </rPh>
    <rPh sb="9" eb="11">
      <t>カイゴ</t>
    </rPh>
    <rPh sb="11" eb="13">
      <t>レンケイ</t>
    </rPh>
    <rPh sb="13" eb="15">
      <t>カサン</t>
    </rPh>
    <phoneticPr fontId="1"/>
  </si>
  <si>
    <t>5　ターミナルケアマネジメント加算</t>
    <rPh sb="15" eb="17">
      <t>カサン</t>
    </rPh>
    <phoneticPr fontId="1"/>
  </si>
  <si>
    <t>１．特定事業所加算(Ⅰ)～(Ⅲ)に係る届出内容</t>
    <rPh sb="2" eb="4">
      <t>トクテイ</t>
    </rPh>
    <rPh sb="4" eb="7">
      <t>ジギョウショ</t>
    </rPh>
    <rPh sb="7" eb="9">
      <t>カサン</t>
    </rPh>
    <rPh sb="17" eb="18">
      <t>カカ</t>
    </rPh>
    <rPh sb="19" eb="21">
      <t>トドケデ</t>
    </rPh>
    <rPh sb="21" eb="23">
      <t>ナイヨウ</t>
    </rPh>
    <phoneticPr fontId="1"/>
  </si>
  <si>
    <t xml:space="preserve"> </t>
    <phoneticPr fontId="1"/>
  </si>
  <si>
    <t>主任介護支援専門員</t>
  </si>
  <si>
    <t>　常勤専従</t>
    <rPh sb="1" eb="3">
      <t>ジョウキン</t>
    </rPh>
    <rPh sb="3" eb="5">
      <t>センジュウ</t>
    </rPh>
    <phoneticPr fontId="1"/>
  </si>
  <si>
    <t>介護支援専門員</t>
    <rPh sb="0" eb="2">
      <t>カイゴ</t>
    </rPh>
    <rPh sb="2" eb="4">
      <t>シエン</t>
    </rPh>
    <rPh sb="4" eb="7">
      <t>センモンイン</t>
    </rPh>
    <phoneticPr fontId="1"/>
  </si>
  <si>
    <t xml:space="preserve">         を目的とした会議を定期的に開催している。</t>
    <rPh sb="10" eb="12">
      <t>モクテキ</t>
    </rPh>
    <rPh sb="15" eb="17">
      <t>カイギ</t>
    </rPh>
    <rPh sb="18" eb="21">
      <t>テイキテキ</t>
    </rPh>
    <rPh sb="22" eb="24">
      <t>カイサイ</t>
    </rPh>
    <phoneticPr fontId="1"/>
  </si>
  <si>
    <t xml:space="preserve">  </t>
    <phoneticPr fontId="1"/>
  </si>
  <si>
    <t>　      割合が４０％以上</t>
    <rPh sb="7" eb="9">
      <t>ワリアイ</t>
    </rPh>
    <rPh sb="13" eb="15">
      <t>イジョウ</t>
    </rPh>
    <phoneticPr fontId="1"/>
  </si>
  <si>
    <t>　      ケースを受託する体制を整備している。</t>
    <rPh sb="11" eb="13">
      <t>ジュタク</t>
    </rPh>
    <rPh sb="15" eb="17">
      <t>タイセイ</t>
    </rPh>
    <rPh sb="18" eb="20">
      <t>セイビ</t>
    </rPh>
    <phoneticPr fontId="1"/>
  </si>
  <si>
    <t>　　　する実習」等に協力又は協力体制の確保の有無</t>
    <phoneticPr fontId="1"/>
  </si>
  <si>
    <t>　　　等を実施している。</t>
    <phoneticPr fontId="1"/>
  </si>
  <si>
    <t>　　　支援するサービスが包括的に提供されるような居宅サービス計画を</t>
    <rPh sb="3" eb="5">
      <t>シエン</t>
    </rPh>
    <rPh sb="12" eb="15">
      <t>ホウカツテキ</t>
    </rPh>
    <rPh sb="16" eb="18">
      <t>テイキョウ</t>
    </rPh>
    <rPh sb="24" eb="26">
      <t>キョタク</t>
    </rPh>
    <rPh sb="30" eb="32">
      <t>ケイカク</t>
    </rPh>
    <phoneticPr fontId="1"/>
  </si>
  <si>
    <t>２．特定事業所医療介護連携加算に係る届出内容</t>
    <rPh sb="2" eb="4">
      <t>トクテイ</t>
    </rPh>
    <rPh sb="4" eb="7">
      <t>ジギョウショ</t>
    </rPh>
    <rPh sb="7" eb="9">
      <t>イリョウ</t>
    </rPh>
    <rPh sb="9" eb="11">
      <t>カイゴ</t>
    </rPh>
    <rPh sb="11" eb="13">
      <t>レンケイ</t>
    </rPh>
    <rPh sb="13" eb="15">
      <t>カサン</t>
    </rPh>
    <rPh sb="16" eb="17">
      <t>カカ</t>
    </rPh>
    <rPh sb="18" eb="20">
      <t>トドケデ</t>
    </rPh>
    <rPh sb="20" eb="22">
      <t>ナイヨウ</t>
    </rPh>
    <phoneticPr fontId="1"/>
  </si>
  <si>
    <t>(1) 　退院・退所加算の算定に係る病院又は診療所等との連携回数の合計が年間</t>
    <rPh sb="5" eb="7">
      <t>タイイン</t>
    </rPh>
    <rPh sb="8" eb="12">
      <t>タイショカサン</t>
    </rPh>
    <rPh sb="13" eb="15">
      <t>サンテイ</t>
    </rPh>
    <rPh sb="36" eb="38">
      <t>ネンカン</t>
    </rPh>
    <phoneticPr fontId="1"/>
  </si>
  <si>
    <t>　  　３５回以上である。</t>
    <phoneticPr fontId="1"/>
  </si>
  <si>
    <t>※　令和７年３月31日までの間は、５回以上算定している場合に有にチェック</t>
    <rPh sb="18" eb="19">
      <t>カイ</t>
    </rPh>
    <rPh sb="19" eb="21">
      <t>イジョウ</t>
    </rPh>
    <rPh sb="21" eb="23">
      <t>サンテイ</t>
    </rPh>
    <rPh sb="27" eb="29">
      <t>バアイ</t>
    </rPh>
    <rPh sb="30" eb="31">
      <t>アリ</t>
    </rPh>
    <phoneticPr fontId="1"/>
  </si>
  <si>
    <t>　すること。</t>
    <phoneticPr fontId="1"/>
  </si>
  <si>
    <t>※　令和７年４月１日から令和８年３月31日までの間は、令和６年３月における</t>
    <rPh sb="2" eb="4">
      <t>レイワ</t>
    </rPh>
    <rPh sb="5" eb="6">
      <t>ネン</t>
    </rPh>
    <rPh sb="7" eb="8">
      <t>ガツ</t>
    </rPh>
    <rPh sb="9" eb="10">
      <t>ニチ</t>
    </rPh>
    <rPh sb="12" eb="14">
      <t>レイワ</t>
    </rPh>
    <rPh sb="15" eb="16">
      <t>ネン</t>
    </rPh>
    <rPh sb="17" eb="18">
      <t>ガツ</t>
    </rPh>
    <rPh sb="20" eb="21">
      <t>ニチ</t>
    </rPh>
    <rPh sb="24" eb="25">
      <t>アイダ</t>
    </rPh>
    <phoneticPr fontId="1"/>
  </si>
  <si>
    <t>　算定回数に３を乗じた数に令和６年４月から令和７年２月までの間における</t>
    <phoneticPr fontId="1"/>
  </si>
  <si>
    <t>　算定回数を加えた数が15以上である場合に有にチェックすること。</t>
    <rPh sb="13" eb="15">
      <t>イジョウ</t>
    </rPh>
    <rPh sb="18" eb="20">
      <t>バアイ</t>
    </rPh>
    <rPh sb="21" eb="22">
      <t>アリ</t>
    </rPh>
    <phoneticPr fontId="1"/>
  </si>
  <si>
    <t>(3) 　特定事業所加算(Ⅰ)、(Ⅱ)又は(Ⅲ)を算定している。</t>
    <rPh sb="5" eb="7">
      <t>トクテイ</t>
    </rPh>
    <rPh sb="7" eb="10">
      <t>ジギョウショ</t>
    </rPh>
    <rPh sb="10" eb="12">
      <t>カサン</t>
    </rPh>
    <rPh sb="19" eb="20">
      <t>マタ</t>
    </rPh>
    <rPh sb="25" eb="27">
      <t>サンテイ</t>
    </rPh>
    <phoneticPr fontId="1"/>
  </si>
  <si>
    <t>※　各要件を満たす場合については、それぞれ根拠となる（要件を満たすことがわかる）書類も</t>
    <rPh sb="2" eb="3">
      <t>カク</t>
    </rPh>
    <rPh sb="3" eb="5">
      <t>ヨウケン</t>
    </rPh>
    <rPh sb="6" eb="7">
      <t>ミ</t>
    </rPh>
    <rPh sb="9" eb="11">
      <t>バアイ</t>
    </rPh>
    <rPh sb="21" eb="23">
      <t>コンキョ</t>
    </rPh>
    <rPh sb="27" eb="29">
      <t>ヨウケン</t>
    </rPh>
    <rPh sb="30" eb="31">
      <t>ミ</t>
    </rPh>
    <rPh sb="40" eb="42">
      <t>ショルイ</t>
    </rPh>
    <phoneticPr fontId="1"/>
  </si>
  <si>
    <t>　提出してください。</t>
    <rPh sb="1" eb="3">
      <t>テイシュツ</t>
    </rPh>
    <phoneticPr fontId="1"/>
  </si>
  <si>
    <t>３．ターミナルケアマネジメント加算に係る届出内容</t>
    <rPh sb="15" eb="17">
      <t>カサン</t>
    </rPh>
    <rPh sb="18" eb="19">
      <t>カカ</t>
    </rPh>
    <rPh sb="20" eb="22">
      <t>トドケデ</t>
    </rPh>
    <rPh sb="22" eb="24">
      <t>ナイヨウ</t>
    </rPh>
    <phoneticPr fontId="1"/>
  </si>
  <si>
    <t>(1) 　ターミナルケアマネジメントを受けることに同意した利用者について、24</t>
    <rPh sb="19" eb="20">
      <t>ウ</t>
    </rPh>
    <rPh sb="25" eb="27">
      <t>ドウイ</t>
    </rPh>
    <rPh sb="29" eb="32">
      <t>リヨウシャ</t>
    </rPh>
    <phoneticPr fontId="1"/>
  </si>
  <si>
    <t>　     時間連絡できる体制を確保しており、かつ、必要に応じて指定居宅介護支援</t>
    <phoneticPr fontId="1"/>
  </si>
  <si>
    <t xml:space="preserve">     　を行うことができる体制を整備している。</t>
    <phoneticPr fontId="1"/>
  </si>
  <si>
    <t>栄養マネジメント体制に関する届出書</t>
    <rPh sb="0" eb="2">
      <t>エイヨウ</t>
    </rPh>
    <rPh sb="8" eb="10">
      <t>タイセイ</t>
    </rPh>
    <rPh sb="11" eb="12">
      <t>カン</t>
    </rPh>
    <rPh sb="14" eb="17">
      <t>トドケデショ</t>
    </rPh>
    <phoneticPr fontId="1"/>
  </si>
  <si>
    <t>事業所名</t>
    <rPh sb="0" eb="3">
      <t>ジギョウショ</t>
    </rPh>
    <rPh sb="3" eb="4">
      <t>メイ</t>
    </rPh>
    <phoneticPr fontId="1"/>
  </si>
  <si>
    <t>異動区分</t>
    <rPh sb="0" eb="2">
      <t>イドウ</t>
    </rPh>
    <rPh sb="2" eb="4">
      <t>クブン</t>
    </rPh>
    <phoneticPr fontId="1"/>
  </si>
  <si>
    <t>施設種別</t>
    <rPh sb="0" eb="2">
      <t>シセツ</t>
    </rPh>
    <rPh sb="2" eb="4">
      <t>シュベツ</t>
    </rPh>
    <phoneticPr fontId="1"/>
  </si>
  <si>
    <t>1　介護老人福祉施設</t>
    <rPh sb="2" eb="4">
      <t>カイゴ</t>
    </rPh>
    <rPh sb="4" eb="6">
      <t>ロウジン</t>
    </rPh>
    <rPh sb="6" eb="8">
      <t>フクシ</t>
    </rPh>
    <rPh sb="8" eb="10">
      <t>シセツ</t>
    </rPh>
    <phoneticPr fontId="1"/>
  </si>
  <si>
    <t>2　介護老人保健施設</t>
    <rPh sb="2" eb="4">
      <t>カイゴ</t>
    </rPh>
    <rPh sb="4" eb="6">
      <t>ロウジン</t>
    </rPh>
    <rPh sb="6" eb="8">
      <t>ホケン</t>
    </rPh>
    <rPh sb="8" eb="10">
      <t>シセツ</t>
    </rPh>
    <phoneticPr fontId="1"/>
  </si>
  <si>
    <t>3　地域密着型介護老人福祉施設</t>
    <rPh sb="2" eb="4">
      <t>チイキ</t>
    </rPh>
    <rPh sb="4" eb="7">
      <t>ミッチャクガタ</t>
    </rPh>
    <rPh sb="7" eb="9">
      <t>カイゴ</t>
    </rPh>
    <rPh sb="9" eb="11">
      <t>ロウジン</t>
    </rPh>
    <rPh sb="11" eb="13">
      <t>フクシ</t>
    </rPh>
    <rPh sb="13" eb="15">
      <t>シセツ</t>
    </rPh>
    <phoneticPr fontId="1"/>
  </si>
  <si>
    <t>4　介護医療院</t>
    <rPh sb="2" eb="4">
      <t>カイゴ</t>
    </rPh>
    <rPh sb="4" eb="6">
      <t>イリョウ</t>
    </rPh>
    <rPh sb="6" eb="7">
      <t>イン</t>
    </rPh>
    <phoneticPr fontId="1"/>
  </si>
  <si>
    <t>栄養マネジメントの状況</t>
    <rPh sb="0" eb="2">
      <t>エイヨウ</t>
    </rPh>
    <rPh sb="9" eb="11">
      <t>ジョウキョウ</t>
    </rPh>
    <phoneticPr fontId="1"/>
  </si>
  <si>
    <t>１．基本サービス（栄養ケア・マネジメントの実施）</t>
    <rPh sb="2" eb="4">
      <t>キホン</t>
    </rPh>
    <rPh sb="9" eb="11">
      <t>エイヨウ</t>
    </rPh>
    <rPh sb="21" eb="23">
      <t>ジッシ</t>
    </rPh>
    <phoneticPr fontId="1"/>
  </si>
  <si>
    <t>栄養マネジメントに関わる者（注）</t>
    <rPh sb="0" eb="2">
      <t>エイヨウ</t>
    </rPh>
    <rPh sb="9" eb="10">
      <t>カカ</t>
    </rPh>
    <rPh sb="12" eb="13">
      <t>モノ</t>
    </rPh>
    <rPh sb="14" eb="15">
      <t>チュウ</t>
    </rPh>
    <phoneticPr fontId="1"/>
  </si>
  <si>
    <t>職　種</t>
    <rPh sb="0" eb="1">
      <t>ショク</t>
    </rPh>
    <rPh sb="2" eb="3">
      <t>タネ</t>
    </rPh>
    <phoneticPr fontId="1"/>
  </si>
  <si>
    <t>氏　名</t>
    <rPh sb="0" eb="1">
      <t>シ</t>
    </rPh>
    <rPh sb="2" eb="3">
      <t>メイ</t>
    </rPh>
    <phoneticPr fontId="1"/>
  </si>
  <si>
    <t>医　　　師</t>
    <rPh sb="0" eb="1">
      <t>イ</t>
    </rPh>
    <rPh sb="4" eb="5">
      <t>シ</t>
    </rPh>
    <phoneticPr fontId="1"/>
  </si>
  <si>
    <t>歯科医師</t>
    <rPh sb="0" eb="2">
      <t>シカ</t>
    </rPh>
    <rPh sb="2" eb="4">
      <t>イシ</t>
    </rPh>
    <phoneticPr fontId="1"/>
  </si>
  <si>
    <t>管 理 栄 養 士</t>
    <rPh sb="0" eb="1">
      <t>カン</t>
    </rPh>
    <rPh sb="2" eb="3">
      <t>リ</t>
    </rPh>
    <rPh sb="4" eb="5">
      <t>エイ</t>
    </rPh>
    <rPh sb="6" eb="7">
      <t>オサム</t>
    </rPh>
    <rPh sb="8" eb="9">
      <t>シ</t>
    </rPh>
    <phoneticPr fontId="1"/>
  </si>
  <si>
    <t>看　護　師</t>
    <rPh sb="0" eb="1">
      <t>ミ</t>
    </rPh>
    <rPh sb="2" eb="3">
      <t>ユズル</t>
    </rPh>
    <rPh sb="4" eb="5">
      <t>シ</t>
    </rPh>
    <phoneticPr fontId="1"/>
  </si>
  <si>
    <t>２．栄養マネジメント強化加算</t>
    <rPh sb="2" eb="4">
      <t>エイヨウ</t>
    </rPh>
    <rPh sb="10" eb="12">
      <t>キョウカ</t>
    </rPh>
    <rPh sb="12" eb="14">
      <t>カサン</t>
    </rPh>
    <phoneticPr fontId="1"/>
  </si>
  <si>
    <t>ａ．入所者数</t>
    <rPh sb="2" eb="5">
      <t>ニュウショシャ</t>
    </rPh>
    <rPh sb="5" eb="6">
      <t>スウ</t>
    </rPh>
    <phoneticPr fontId="1"/>
  </si>
  <si>
    <t>ｂ．栄養マネジメントを実施している管理栄養士の総数（常勤換算）</t>
    <rPh sb="2" eb="4">
      <t>エイヨウ</t>
    </rPh>
    <rPh sb="11" eb="13">
      <t>ジッシ</t>
    </rPh>
    <rPh sb="17" eb="19">
      <t>カンリ</t>
    </rPh>
    <rPh sb="19" eb="22">
      <t>エイヨウシ</t>
    </rPh>
    <rPh sb="23" eb="25">
      <t>ソウスウ</t>
    </rPh>
    <rPh sb="26" eb="28">
      <t>ジョウキン</t>
    </rPh>
    <rPh sb="28" eb="30">
      <t>カンサン</t>
    </rPh>
    <phoneticPr fontId="1"/>
  </si>
  <si>
    <t>入所者数を
50で除した
数以上</t>
    <rPh sb="0" eb="3">
      <t>ニュウショシャ</t>
    </rPh>
    <rPh sb="3" eb="4">
      <t>スウ</t>
    </rPh>
    <rPh sb="9" eb="10">
      <t>ジョ</t>
    </rPh>
    <rPh sb="13" eb="14">
      <t>カズ</t>
    </rPh>
    <rPh sb="14" eb="16">
      <t>イジョウ</t>
    </rPh>
    <phoneticPr fontId="1"/>
  </si>
  <si>
    <t>（給食管理を行う常勤栄養士が1名以上配置されている場合）70で除した数以上</t>
    <rPh sb="1" eb="3">
      <t>キュウショク</t>
    </rPh>
    <rPh sb="3" eb="5">
      <t>カンリ</t>
    </rPh>
    <rPh sb="6" eb="7">
      <t>オコナ</t>
    </rPh>
    <rPh sb="8" eb="10">
      <t>ジョウキン</t>
    </rPh>
    <rPh sb="10" eb="13">
      <t>エイヨウシ</t>
    </rPh>
    <rPh sb="15" eb="16">
      <t>メイ</t>
    </rPh>
    <rPh sb="16" eb="18">
      <t>イジョウ</t>
    </rPh>
    <rPh sb="18" eb="20">
      <t>ハイチ</t>
    </rPh>
    <rPh sb="25" eb="27">
      <t>バアイ</t>
    </rPh>
    <rPh sb="31" eb="32">
      <t>ジョ</t>
    </rPh>
    <rPh sb="34" eb="35">
      <t>カズ</t>
    </rPh>
    <rPh sb="35" eb="37">
      <t>イジョウ</t>
    </rPh>
    <phoneticPr fontId="1"/>
  </si>
  <si>
    <t>ｃ．給食管理を行っている常勤栄養士
（ｂ．の管理栄養士は含まない）</t>
    <rPh sb="2" eb="4">
      <t>キュウショク</t>
    </rPh>
    <rPh sb="4" eb="6">
      <t>カンリ</t>
    </rPh>
    <rPh sb="7" eb="8">
      <t>オコナ</t>
    </rPh>
    <rPh sb="12" eb="14">
      <t>ジョウキン</t>
    </rPh>
    <rPh sb="14" eb="17">
      <t>エイヨウシ</t>
    </rPh>
    <rPh sb="22" eb="24">
      <t>カンリ</t>
    </rPh>
    <rPh sb="24" eb="27">
      <t>エイヨウシ</t>
    </rPh>
    <rPh sb="28" eb="29">
      <t>フク</t>
    </rPh>
    <phoneticPr fontId="1"/>
  </si>
  <si>
    <t>注　「栄養マネジメントに関わる者」には、共同で栄養ケア計画を作成している者の職種及び氏名を記入してください。</t>
    <rPh sb="0" eb="1">
      <t>チュウ</t>
    </rPh>
    <phoneticPr fontId="1"/>
  </si>
  <si>
    <t>※　要件を満たすことが分かる根拠書類を準備し、指定権者からの求めがあった場合には、速やかに提出してください。</t>
    <rPh sb="16" eb="18">
      <t>ショルイ</t>
    </rPh>
    <phoneticPr fontId="1"/>
  </si>
  <si>
    <t>サービス提供体制強化加算に関する届出書</t>
    <rPh sb="4" eb="6">
      <t>テイキョウ</t>
    </rPh>
    <rPh sb="6" eb="8">
      <t>タイセイ</t>
    </rPh>
    <rPh sb="8" eb="10">
      <t>キョウカ</t>
    </rPh>
    <rPh sb="10" eb="12">
      <t>カサン</t>
    </rPh>
    <rPh sb="13" eb="14">
      <t>カン</t>
    </rPh>
    <rPh sb="16" eb="19">
      <t>トドケデショ</t>
    </rPh>
    <phoneticPr fontId="1"/>
  </si>
  <si>
    <t>（（介護予防）訪問入浴介護、定期巡回・随時対応型訪問介護看護、夜間対応型訪問介護）</t>
    <rPh sb="2" eb="4">
      <t>カイゴ</t>
    </rPh>
    <rPh sb="4" eb="6">
      <t>ヨボウ</t>
    </rPh>
    <rPh sb="7" eb="9">
      <t>ホウモン</t>
    </rPh>
    <rPh sb="9" eb="11">
      <t>ニュウヨク</t>
    </rPh>
    <rPh sb="11" eb="13">
      <t>カイゴ</t>
    </rPh>
    <rPh sb="14" eb="16">
      <t>テイキ</t>
    </rPh>
    <rPh sb="16" eb="18">
      <t>ジュンカイ</t>
    </rPh>
    <rPh sb="19" eb="21">
      <t>ズイジ</t>
    </rPh>
    <rPh sb="21" eb="24">
      <t>タイオウガタ</t>
    </rPh>
    <rPh sb="24" eb="26">
      <t>ホウモン</t>
    </rPh>
    <rPh sb="26" eb="28">
      <t>カイゴ</t>
    </rPh>
    <rPh sb="28" eb="30">
      <t>カンゴ</t>
    </rPh>
    <rPh sb="31" eb="33">
      <t>ヤカン</t>
    </rPh>
    <rPh sb="33" eb="36">
      <t>タイオウガタ</t>
    </rPh>
    <rPh sb="36" eb="38">
      <t>ホウモン</t>
    </rPh>
    <rPh sb="38" eb="40">
      <t>カイゴ</t>
    </rPh>
    <phoneticPr fontId="1"/>
  </si>
  <si>
    <t>1　事 業 所 名</t>
    <phoneticPr fontId="1"/>
  </si>
  <si>
    <t>2　異 動 区 分</t>
    <rPh sb="2" eb="3">
      <t>イ</t>
    </rPh>
    <rPh sb="4" eb="5">
      <t>ドウ</t>
    </rPh>
    <rPh sb="6" eb="7">
      <t>ク</t>
    </rPh>
    <rPh sb="8" eb="9">
      <t>ブン</t>
    </rPh>
    <phoneticPr fontId="1"/>
  </si>
  <si>
    <t>3　施 設 種 別</t>
    <rPh sb="2" eb="3">
      <t>シ</t>
    </rPh>
    <rPh sb="4" eb="5">
      <t>セツ</t>
    </rPh>
    <rPh sb="6" eb="7">
      <t>シュ</t>
    </rPh>
    <rPh sb="8" eb="9">
      <t>ベツ</t>
    </rPh>
    <phoneticPr fontId="1"/>
  </si>
  <si>
    <t>1　（介護予防）訪問入浴介護</t>
    <rPh sb="3" eb="5">
      <t>カイゴ</t>
    </rPh>
    <rPh sb="5" eb="7">
      <t>ヨボウ</t>
    </rPh>
    <rPh sb="8" eb="10">
      <t>ホウモン</t>
    </rPh>
    <rPh sb="10" eb="12">
      <t>ニュウヨク</t>
    </rPh>
    <rPh sb="12" eb="14">
      <t>カイゴ</t>
    </rPh>
    <phoneticPr fontId="1"/>
  </si>
  <si>
    <t>2　定期巡回・随時対応型訪問介護看護</t>
    <rPh sb="2" eb="4">
      <t>テイキ</t>
    </rPh>
    <rPh sb="4" eb="6">
      <t>ジュンカイ</t>
    </rPh>
    <rPh sb="7" eb="9">
      <t>ズイジ</t>
    </rPh>
    <rPh sb="9" eb="12">
      <t>タイオウガタ</t>
    </rPh>
    <rPh sb="12" eb="14">
      <t>ホウモン</t>
    </rPh>
    <rPh sb="14" eb="16">
      <t>カイゴ</t>
    </rPh>
    <rPh sb="16" eb="18">
      <t>カンゴ</t>
    </rPh>
    <phoneticPr fontId="1"/>
  </si>
  <si>
    <t>3　夜間対応型訪問介護</t>
    <rPh sb="2" eb="4">
      <t>ヤカン</t>
    </rPh>
    <rPh sb="4" eb="7">
      <t>タイオウガタ</t>
    </rPh>
    <rPh sb="7" eb="9">
      <t>ホウモン</t>
    </rPh>
    <rPh sb="9" eb="11">
      <t>カイゴ</t>
    </rPh>
    <phoneticPr fontId="1"/>
  </si>
  <si>
    <t>4　届 出 項 目</t>
    <rPh sb="2" eb="3">
      <t>トド</t>
    </rPh>
    <rPh sb="4" eb="5">
      <t>デ</t>
    </rPh>
    <rPh sb="6" eb="7">
      <t>コウ</t>
    </rPh>
    <rPh sb="8" eb="9">
      <t>メ</t>
    </rPh>
    <phoneticPr fontId="1"/>
  </si>
  <si>
    <t>1 サービス提供体制強化加算（Ⅰ）</t>
    <rPh sb="6" eb="8">
      <t>テイキョウ</t>
    </rPh>
    <rPh sb="8" eb="10">
      <t>タイセイ</t>
    </rPh>
    <rPh sb="10" eb="12">
      <t>キョウカ</t>
    </rPh>
    <rPh sb="12" eb="14">
      <t>カサン</t>
    </rPh>
    <phoneticPr fontId="1"/>
  </si>
  <si>
    <t>2 サービス提供体制強化加算（Ⅱ）</t>
    <rPh sb="6" eb="8">
      <t>テイキョウ</t>
    </rPh>
    <rPh sb="8" eb="10">
      <t>タイセイ</t>
    </rPh>
    <rPh sb="10" eb="12">
      <t>キョウカ</t>
    </rPh>
    <rPh sb="12" eb="14">
      <t>カサン</t>
    </rPh>
    <phoneticPr fontId="1"/>
  </si>
  <si>
    <t>3 サービス提供体制強化加算（Ⅲ）</t>
    <rPh sb="6" eb="8">
      <t>テイキョウ</t>
    </rPh>
    <rPh sb="8" eb="10">
      <t>タイセイ</t>
    </rPh>
    <rPh sb="10" eb="12">
      <t>キョウカ</t>
    </rPh>
    <rPh sb="12" eb="14">
      <t>カサン</t>
    </rPh>
    <phoneticPr fontId="1"/>
  </si>
  <si>
    <t>5　研修等に
     関する状況</t>
    <rPh sb="2" eb="5">
      <t>ケンシュウトウ</t>
    </rPh>
    <rPh sb="12" eb="13">
      <t>カン</t>
    </rPh>
    <rPh sb="15" eb="17">
      <t>ジョウキョウ</t>
    </rPh>
    <phoneticPr fontId="1"/>
  </si>
  <si>
    <t>①　研修計画を作成し、当該計画に従い、研修（外部における研修を
　含む）を実施又は実施を予定していること。</t>
    <phoneticPr fontId="1"/>
  </si>
  <si>
    <t>②　利用者に関する情報若しくはサービス提供にあたっての留意事項
　の伝達又は技術指導を目的とした会議を定期的に開催すること。</t>
    <rPh sb="2" eb="5">
      <t>リヨウシャ</t>
    </rPh>
    <rPh sb="6" eb="7">
      <t>カン</t>
    </rPh>
    <rPh sb="9" eb="11">
      <t>ジョウホウ</t>
    </rPh>
    <rPh sb="11" eb="12">
      <t>モ</t>
    </rPh>
    <rPh sb="19" eb="21">
      <t>テイキョウ</t>
    </rPh>
    <rPh sb="27" eb="29">
      <t>リュウイ</t>
    </rPh>
    <rPh sb="29" eb="31">
      <t>ジコウ</t>
    </rPh>
    <rPh sb="34" eb="36">
      <t>デンタツ</t>
    </rPh>
    <rPh sb="36" eb="37">
      <t>マタ</t>
    </rPh>
    <rPh sb="38" eb="40">
      <t>ギジュツ</t>
    </rPh>
    <rPh sb="40" eb="42">
      <t>シドウ</t>
    </rPh>
    <rPh sb="43" eb="45">
      <t>モクテキ</t>
    </rPh>
    <rPh sb="48" eb="50">
      <t>カイギ</t>
    </rPh>
    <rPh sb="51" eb="54">
      <t>テイキテキ</t>
    </rPh>
    <rPh sb="55" eb="57">
      <t>カイサイ</t>
    </rPh>
    <phoneticPr fontId="1"/>
  </si>
  <si>
    <t>③　健康診断等を定期的に実施すること。</t>
    <rPh sb="2" eb="4">
      <t>ケンコウ</t>
    </rPh>
    <rPh sb="4" eb="6">
      <t>シンダン</t>
    </rPh>
    <rPh sb="6" eb="7">
      <t>トウ</t>
    </rPh>
    <rPh sb="8" eb="11">
      <t>テイキテキ</t>
    </rPh>
    <rPh sb="12" eb="14">
      <t>ジッシ</t>
    </rPh>
    <phoneticPr fontId="1"/>
  </si>
  <si>
    <t>6　介護職員等の状況</t>
    <rPh sb="2" eb="4">
      <t>カイゴ</t>
    </rPh>
    <rPh sb="4" eb="6">
      <t>ショクイン</t>
    </rPh>
    <rPh sb="6" eb="7">
      <t>トウ</t>
    </rPh>
    <rPh sb="8" eb="10">
      <t>ジョウキョウ</t>
    </rPh>
    <phoneticPr fontId="1"/>
  </si>
  <si>
    <t>（１）サービス提供体制強化加算（Ⅰ）</t>
    <rPh sb="7" eb="9">
      <t>テイキョウ</t>
    </rPh>
    <rPh sb="9" eb="11">
      <t>タイセイ</t>
    </rPh>
    <rPh sb="11" eb="13">
      <t>キョウカ</t>
    </rPh>
    <rPh sb="13" eb="15">
      <t>カサン</t>
    </rPh>
    <phoneticPr fontId="1"/>
  </si>
  <si>
    <t>介護福祉士等の
状況</t>
    <rPh sb="0" eb="2">
      <t>カイゴ</t>
    </rPh>
    <rPh sb="2" eb="5">
      <t>フクシシ</t>
    </rPh>
    <rPh sb="5" eb="6">
      <t>トウ</t>
    </rPh>
    <rPh sb="8" eb="10">
      <t>ジョウキョウ</t>
    </rPh>
    <phoneticPr fontId="1"/>
  </si>
  <si>
    <t>①に占める②の割合が60％以上</t>
    <rPh sb="2" eb="3">
      <t>シ</t>
    </rPh>
    <rPh sb="7" eb="9">
      <t>ワリアイ</t>
    </rPh>
    <rPh sb="13" eb="15">
      <t>イジョウ</t>
    </rPh>
    <phoneticPr fontId="1"/>
  </si>
  <si>
    <t>介護職員の総数（常勤換算）</t>
    <rPh sb="0" eb="2">
      <t>カイゴ</t>
    </rPh>
    <rPh sb="2" eb="4">
      <t>ショクイン</t>
    </rPh>
    <rPh sb="5" eb="7">
      <t>ソウスウ</t>
    </rPh>
    <rPh sb="8" eb="10">
      <t>ジョウキン</t>
    </rPh>
    <rPh sb="10" eb="12">
      <t>カンサン</t>
    </rPh>
    <phoneticPr fontId="1"/>
  </si>
  <si>
    <t>①のうち介護福祉士の総数（常勤換算）</t>
    <rPh sb="4" eb="6">
      <t>カイゴ</t>
    </rPh>
    <rPh sb="6" eb="9">
      <t>フクシシ</t>
    </rPh>
    <rPh sb="10" eb="12">
      <t>ソウスウ</t>
    </rPh>
    <rPh sb="13" eb="15">
      <t>ジョウキン</t>
    </rPh>
    <rPh sb="15" eb="17">
      <t>カンサン</t>
    </rPh>
    <phoneticPr fontId="1"/>
  </si>
  <si>
    <t>又は</t>
    <rPh sb="0" eb="1">
      <t>マタ</t>
    </rPh>
    <phoneticPr fontId="1"/>
  </si>
  <si>
    <t>①に占める③の割合が25％以上</t>
    <rPh sb="2" eb="3">
      <t>シ</t>
    </rPh>
    <rPh sb="7" eb="9">
      <t>ワリアイ</t>
    </rPh>
    <rPh sb="13" eb="15">
      <t>イジョウ</t>
    </rPh>
    <phoneticPr fontId="1"/>
  </si>
  <si>
    <t>①のうち勤続年数10年以上の介護福祉士の総数（常勤換算）</t>
    <rPh sb="4" eb="6">
      <t>キンゾク</t>
    </rPh>
    <rPh sb="6" eb="8">
      <t>ネンスウ</t>
    </rPh>
    <rPh sb="10" eb="13">
      <t>ネンイジョウ</t>
    </rPh>
    <rPh sb="14" eb="16">
      <t>カイゴ</t>
    </rPh>
    <rPh sb="16" eb="19">
      <t>フクシシ</t>
    </rPh>
    <phoneticPr fontId="1"/>
  </si>
  <si>
    <t>（２）サービス提供体制強化加算（Ⅱ）</t>
    <rPh sb="7" eb="9">
      <t>テイキョウ</t>
    </rPh>
    <rPh sb="9" eb="11">
      <t>タイセイ</t>
    </rPh>
    <rPh sb="11" eb="13">
      <t>キョウカ</t>
    </rPh>
    <rPh sb="13" eb="15">
      <t>カサン</t>
    </rPh>
    <phoneticPr fontId="1"/>
  </si>
  <si>
    <t>①に占める②の割合が40％以上</t>
    <rPh sb="2" eb="3">
      <t>シ</t>
    </rPh>
    <rPh sb="7" eb="9">
      <t>ワリアイ</t>
    </rPh>
    <rPh sb="13" eb="15">
      <t>イジョウ</t>
    </rPh>
    <phoneticPr fontId="1"/>
  </si>
  <si>
    <t>①に占める③の割合が60％以上</t>
    <rPh sb="2" eb="3">
      <t>シ</t>
    </rPh>
    <rPh sb="7" eb="9">
      <t>ワリアイ</t>
    </rPh>
    <rPh sb="13" eb="15">
      <t>イジョウ</t>
    </rPh>
    <phoneticPr fontId="1"/>
  </si>
  <si>
    <t>①のうち介護福祉士、実務者研修修了者等の総数（常勤換算）</t>
    <rPh sb="18" eb="19">
      <t>トウ</t>
    </rPh>
    <phoneticPr fontId="1"/>
  </si>
  <si>
    <r>
      <t>（３）サービス提供体制強化加算（Ⅲ）</t>
    </r>
    <r>
      <rPr>
        <u/>
        <sz val="8"/>
        <color indexed="10"/>
        <rFont val="HGSｺﾞｼｯｸM"/>
        <family val="3"/>
        <charset val="128"/>
      </rPr>
      <t/>
    </r>
    <rPh sb="7" eb="9">
      <t>テイキョウ</t>
    </rPh>
    <rPh sb="9" eb="11">
      <t>タイセイ</t>
    </rPh>
    <rPh sb="11" eb="13">
      <t>キョウカ</t>
    </rPh>
    <rPh sb="13" eb="15">
      <t>カサン</t>
    </rPh>
    <phoneticPr fontId="1"/>
  </si>
  <si>
    <t>　　※介護福祉士等の状況、常勤職員の状況、勤続年数の状況のうち、いずれか１つを満たすこと。</t>
    <phoneticPr fontId="1"/>
  </si>
  <si>
    <t>①に占める②の割合が30％以上</t>
    <rPh sb="2" eb="3">
      <t>シ</t>
    </rPh>
    <rPh sb="7" eb="9">
      <t>ワリアイ</t>
    </rPh>
    <rPh sb="13" eb="15">
      <t>イジョウ</t>
    </rPh>
    <phoneticPr fontId="1"/>
  </si>
  <si>
    <t>①に占める③の割合が50％以上</t>
    <rPh sb="2" eb="3">
      <t>シ</t>
    </rPh>
    <rPh sb="7" eb="9">
      <t>ワリアイ</t>
    </rPh>
    <rPh sb="13" eb="15">
      <t>イジョウ</t>
    </rPh>
    <phoneticPr fontId="1"/>
  </si>
  <si>
    <r>
      <t xml:space="preserve">常勤職員の
状況
</t>
    </r>
    <r>
      <rPr>
        <sz val="9"/>
        <rFont val="HGSｺﾞｼｯｸM"/>
        <family val="3"/>
        <charset val="128"/>
      </rPr>
      <t>（定期巡回のみ）</t>
    </r>
    <rPh sb="0" eb="2">
      <t>ジョウキン</t>
    </rPh>
    <rPh sb="2" eb="4">
      <t>ショクイン</t>
    </rPh>
    <rPh sb="6" eb="8">
      <t>ジョウキョウ</t>
    </rPh>
    <rPh sb="10" eb="12">
      <t>テイキ</t>
    </rPh>
    <rPh sb="12" eb="14">
      <t>ジュンカイ</t>
    </rPh>
    <phoneticPr fontId="1"/>
  </si>
  <si>
    <t>従業者の総数（常勤換算）</t>
    <rPh sb="0" eb="3">
      <t>ジュウギョウシャ</t>
    </rPh>
    <rPh sb="4" eb="6">
      <t>ソウスウ</t>
    </rPh>
    <rPh sb="7" eb="9">
      <t>ジョウキン</t>
    </rPh>
    <rPh sb="9" eb="11">
      <t>カンサン</t>
    </rPh>
    <phoneticPr fontId="1"/>
  </si>
  <si>
    <t>①のうち常勤の者の総数（常勤換算）</t>
    <rPh sb="4" eb="6">
      <t>ジョウキン</t>
    </rPh>
    <phoneticPr fontId="1"/>
  </si>
  <si>
    <t>勤続年数の状況</t>
    <rPh sb="0" eb="2">
      <t>キンゾク</t>
    </rPh>
    <rPh sb="2" eb="4">
      <t>ネンスウ</t>
    </rPh>
    <rPh sb="5" eb="7">
      <t>ジョウキョウ</t>
    </rPh>
    <phoneticPr fontId="1"/>
  </si>
  <si>
    <t>①のうち勤続年数７年以上の者の総数
　（常勤換算）</t>
    <phoneticPr fontId="1"/>
  </si>
  <si>
    <t>備考１</t>
    <rPh sb="0" eb="2">
      <t>ビコウ</t>
    </rPh>
    <phoneticPr fontId="1"/>
  </si>
  <si>
    <t>要件を満たすことが分かる根拠書類を準備し、指定権者からの求めがあった場合には、速やかに提出すること。</t>
    <rPh sb="17" eb="19">
      <t>ジュンビ</t>
    </rPh>
    <rPh sb="21" eb="23">
      <t>シテイ</t>
    </rPh>
    <rPh sb="23" eb="24">
      <t>ケン</t>
    </rPh>
    <rPh sb="24" eb="25">
      <t>シャ</t>
    </rPh>
    <rPh sb="28" eb="29">
      <t>モト</t>
    </rPh>
    <rPh sb="34" eb="36">
      <t>バアイ</t>
    </rPh>
    <rPh sb="39" eb="40">
      <t>スミ</t>
    </rPh>
    <rPh sb="43" eb="45">
      <t>テイシュツ</t>
    </rPh>
    <phoneticPr fontId="1"/>
  </si>
  <si>
    <t>備考２</t>
    <phoneticPr fontId="1"/>
  </si>
  <si>
    <t>「実務者研修修了者等」には「旧介護職員基礎研修課程修了者」を含む。</t>
    <rPh sb="1" eb="4">
      <t>ジツムシャ</t>
    </rPh>
    <rPh sb="4" eb="6">
      <t>ケンシュウ</t>
    </rPh>
    <rPh sb="6" eb="9">
      <t>シュウリョウシャ</t>
    </rPh>
    <rPh sb="9" eb="10">
      <t>トウ</t>
    </rPh>
    <rPh sb="30" eb="31">
      <t>フク</t>
    </rPh>
    <phoneticPr fontId="1"/>
  </si>
  <si>
    <t>備考３</t>
    <phoneticPr fontId="1"/>
  </si>
  <si>
    <t>従業者とは、訪問入浴介護における訪問入浴介護従業者、定期巡回・随時対応型訪問介護看護における定期巡回・随時対応型訪問介護看護従業者、夜間対応型訪問介護における夜間対応型訪問介護従業者をいう。</t>
    <rPh sb="0" eb="3">
      <t>ジュウギョウシャ</t>
    </rPh>
    <rPh sb="6" eb="8">
      <t>ホウモン</t>
    </rPh>
    <rPh sb="8" eb="10">
      <t>ニュウヨク</t>
    </rPh>
    <rPh sb="10" eb="12">
      <t>カイゴ</t>
    </rPh>
    <rPh sb="16" eb="18">
      <t>ホウモン</t>
    </rPh>
    <rPh sb="18" eb="20">
      <t>ニュウヨク</t>
    </rPh>
    <rPh sb="20" eb="22">
      <t>カイゴ</t>
    </rPh>
    <rPh sb="22" eb="25">
      <t>ジュウギョウシャ</t>
    </rPh>
    <rPh sb="26" eb="30">
      <t>テイキジュンカイ</t>
    </rPh>
    <rPh sb="31" eb="42">
      <t>ズイジタイオウガタホウモンカイゴカンゴ</t>
    </rPh>
    <rPh sb="46" eb="50">
      <t>テイキジュンカイ</t>
    </rPh>
    <rPh sb="51" eb="62">
      <t>ズイジタイオウガタホウモンカイゴカンゴ</t>
    </rPh>
    <rPh sb="62" eb="65">
      <t>ジュウギョウシャ</t>
    </rPh>
    <rPh sb="66" eb="68">
      <t>ヤカン</t>
    </rPh>
    <rPh sb="68" eb="71">
      <t>タイオウガタ</t>
    </rPh>
    <rPh sb="71" eb="73">
      <t>ホウモン</t>
    </rPh>
    <rPh sb="73" eb="75">
      <t>カイゴ</t>
    </rPh>
    <rPh sb="79" eb="81">
      <t>ヤカン</t>
    </rPh>
    <rPh sb="81" eb="84">
      <t>タイオウガタ</t>
    </rPh>
    <rPh sb="84" eb="86">
      <t>ホウモン</t>
    </rPh>
    <rPh sb="86" eb="88">
      <t>カイゴ</t>
    </rPh>
    <rPh sb="88" eb="91">
      <t>ジュウギョウシャ</t>
    </rPh>
    <phoneticPr fontId="1"/>
  </si>
  <si>
    <t>5　介護職員等の状況</t>
    <rPh sb="2" eb="4">
      <t>カイゴ</t>
    </rPh>
    <rPh sb="4" eb="6">
      <t>ショクイン</t>
    </rPh>
    <rPh sb="6" eb="7">
      <t>トウ</t>
    </rPh>
    <rPh sb="8" eb="10">
      <t>ジョウキョウ</t>
    </rPh>
    <phoneticPr fontId="1"/>
  </si>
  <si>
    <t>①に占める②の割合が70％以上</t>
    <rPh sb="2" eb="3">
      <t>シ</t>
    </rPh>
    <rPh sb="7" eb="9">
      <t>ワリアイ</t>
    </rPh>
    <rPh sb="13" eb="15">
      <t>イジョウ</t>
    </rPh>
    <phoneticPr fontId="1"/>
  </si>
  <si>
    <t>①に占める②の割合が50％以上</t>
    <rPh sb="2" eb="3">
      <t>シ</t>
    </rPh>
    <rPh sb="7" eb="9">
      <t>ワリアイ</t>
    </rPh>
    <rPh sb="13" eb="15">
      <t>イジョウ</t>
    </rPh>
    <phoneticPr fontId="1"/>
  </si>
  <si>
    <r>
      <t>（３）サービス提供体制強化加算（Ⅲ）</t>
    </r>
    <r>
      <rPr>
        <sz val="8"/>
        <rFont val="HGSｺﾞｼｯｸM"/>
        <family val="3"/>
        <charset val="128"/>
      </rPr>
      <t xml:space="preserve"> </t>
    </r>
    <r>
      <rPr>
        <sz val="7"/>
        <rFont val="HGSｺﾞｼｯｸM"/>
        <family val="3"/>
        <charset val="128"/>
      </rPr>
      <t>※介護福祉士等の状況、勤続年数の状況のうち、いずれか１つを満たすこと。</t>
    </r>
    <rPh sb="7" eb="9">
      <t>テイキョウ</t>
    </rPh>
    <rPh sb="9" eb="11">
      <t>タイセイ</t>
    </rPh>
    <rPh sb="11" eb="13">
      <t>キョウカ</t>
    </rPh>
    <rPh sb="13" eb="15">
      <t>カサン</t>
    </rPh>
    <rPh sb="20" eb="22">
      <t>カイゴ</t>
    </rPh>
    <rPh sb="22" eb="25">
      <t>フクシシ</t>
    </rPh>
    <rPh sb="25" eb="26">
      <t>トウ</t>
    </rPh>
    <rPh sb="27" eb="29">
      <t>ジョウキョウ</t>
    </rPh>
    <rPh sb="30" eb="32">
      <t>キンゾク</t>
    </rPh>
    <rPh sb="32" eb="34">
      <t>ネンスウ</t>
    </rPh>
    <rPh sb="35" eb="37">
      <t>ジョウキョウ</t>
    </rPh>
    <rPh sb="48" eb="49">
      <t>ミ</t>
    </rPh>
    <phoneticPr fontId="1"/>
  </si>
  <si>
    <t>サービスを直接提供する者の総数
（常勤換算）</t>
    <rPh sb="5" eb="7">
      <t>チョクセツ</t>
    </rPh>
    <rPh sb="7" eb="9">
      <t>テイキョウ</t>
    </rPh>
    <rPh sb="11" eb="12">
      <t>モノ</t>
    </rPh>
    <rPh sb="13" eb="15">
      <t>ソウスウ</t>
    </rPh>
    <rPh sb="17" eb="19">
      <t>ジョウキン</t>
    </rPh>
    <rPh sb="19" eb="21">
      <t>カンサン</t>
    </rPh>
    <phoneticPr fontId="1"/>
  </si>
  <si>
    <t>①のうち勤続年数７年以上の者の総数（常勤換算）</t>
    <phoneticPr fontId="1"/>
  </si>
  <si>
    <t>備考</t>
    <rPh sb="0" eb="2">
      <t>ビコウ</t>
    </rPh>
    <phoneticPr fontId="1"/>
  </si>
  <si>
    <t>7　介護医療院</t>
    <rPh sb="2" eb="4">
      <t>カイゴ</t>
    </rPh>
    <rPh sb="4" eb="6">
      <t>イリョウ</t>
    </rPh>
    <rPh sb="6" eb="7">
      <t>イン</t>
    </rPh>
    <phoneticPr fontId="1"/>
  </si>
  <si>
    <t>サービスの質の向上に資する
取組の状況</t>
    <rPh sb="5" eb="6">
      <t>シツ</t>
    </rPh>
    <rPh sb="7" eb="9">
      <t>コウジョウ</t>
    </rPh>
    <rPh sb="10" eb="11">
      <t>シ</t>
    </rPh>
    <rPh sb="14" eb="15">
      <t>ト</t>
    </rPh>
    <rPh sb="15" eb="16">
      <t>ク</t>
    </rPh>
    <rPh sb="17" eb="19">
      <t>ジョウキョウ</t>
    </rPh>
    <phoneticPr fontId="1"/>
  </si>
  <si>
    <t>常勤職員の
状況</t>
    <rPh sb="0" eb="2">
      <t>ジョウキン</t>
    </rPh>
    <rPh sb="2" eb="4">
      <t>ショクイン</t>
    </rPh>
    <rPh sb="6" eb="8">
      <t>ジョウキョウ</t>
    </rPh>
    <phoneticPr fontId="1"/>
  </si>
  <si>
    <t>①に占める②の割合が75％以上</t>
    <rPh sb="2" eb="3">
      <t>シ</t>
    </rPh>
    <rPh sb="7" eb="9">
      <t>ワリアイ</t>
    </rPh>
    <rPh sb="13" eb="15">
      <t>イジョウ</t>
    </rPh>
    <phoneticPr fontId="1"/>
  </si>
  <si>
    <t>看護・介護職員の総数（常勤換算）</t>
    <rPh sb="0" eb="2">
      <t>カンゴ</t>
    </rPh>
    <rPh sb="3" eb="5">
      <t>カイゴ</t>
    </rPh>
    <rPh sb="5" eb="7">
      <t>ショクイン</t>
    </rPh>
    <rPh sb="8" eb="10">
      <t>ソウスウ</t>
    </rPh>
    <rPh sb="11" eb="13">
      <t>ジョウキン</t>
    </rPh>
    <rPh sb="13" eb="15">
      <t>カンサン</t>
    </rPh>
    <phoneticPr fontId="1"/>
  </si>
  <si>
    <t>サービスを直接提供する者の総数（常勤換算）</t>
    <rPh sb="5" eb="7">
      <t>チョクセツ</t>
    </rPh>
    <rPh sb="7" eb="9">
      <t>テイキョウ</t>
    </rPh>
    <rPh sb="11" eb="12">
      <t>モノ</t>
    </rPh>
    <rPh sb="13" eb="15">
      <t>ソウスウ</t>
    </rPh>
    <rPh sb="16" eb="18">
      <t>ジョウキン</t>
    </rPh>
    <rPh sb="18" eb="20">
      <t>カンサン</t>
    </rPh>
    <phoneticPr fontId="1"/>
  </si>
  <si>
    <t>備考２</t>
    <rPh sb="0" eb="2">
      <t>ビコウ</t>
    </rPh>
    <phoneticPr fontId="1"/>
  </si>
  <si>
    <t>（（介護予防）小規模多機能型居宅介護、看護小規模多機能型居宅介護）</t>
    <rPh sb="2" eb="4">
      <t>カイゴ</t>
    </rPh>
    <rPh sb="4" eb="6">
      <t>ヨボウ</t>
    </rPh>
    <rPh sb="7" eb="10">
      <t>ショウキボ</t>
    </rPh>
    <rPh sb="10" eb="14">
      <t>タキノウガタ</t>
    </rPh>
    <rPh sb="14" eb="16">
      <t>キョタク</t>
    </rPh>
    <rPh sb="16" eb="18">
      <t>カイゴ</t>
    </rPh>
    <rPh sb="19" eb="32">
      <t>カンゴショウキボタキノウガタキョタクカイゴ</t>
    </rPh>
    <phoneticPr fontId="1"/>
  </si>
  <si>
    <t>1（介護予防）小規模多機能型居宅介護</t>
    <rPh sb="2" eb="4">
      <t>カイゴ</t>
    </rPh>
    <rPh sb="4" eb="6">
      <t>ヨボウ</t>
    </rPh>
    <rPh sb="7" eb="10">
      <t>ショウキボ</t>
    </rPh>
    <rPh sb="10" eb="14">
      <t>タキノウガタ</t>
    </rPh>
    <rPh sb="14" eb="16">
      <t>キョタク</t>
    </rPh>
    <rPh sb="16" eb="18">
      <t>カイゴ</t>
    </rPh>
    <phoneticPr fontId="1"/>
  </si>
  <si>
    <t>2　看護小規模多機能型居宅介護</t>
    <rPh sb="2" eb="4">
      <t>カンゴ</t>
    </rPh>
    <rPh sb="4" eb="7">
      <t>ショウキボ</t>
    </rPh>
    <rPh sb="7" eb="10">
      <t>タキノウ</t>
    </rPh>
    <rPh sb="10" eb="11">
      <t>ガタ</t>
    </rPh>
    <rPh sb="11" eb="13">
      <t>キョタク</t>
    </rPh>
    <rPh sb="13" eb="15">
      <t>カイゴ</t>
    </rPh>
    <phoneticPr fontId="1"/>
  </si>
  <si>
    <t>従業者（看護師又は准看護師である者を除く（※））の総数（常勤換算）</t>
    <rPh sb="0" eb="3">
      <t>ジュウギョウシャ</t>
    </rPh>
    <rPh sb="4" eb="7">
      <t>カンゴシ</t>
    </rPh>
    <rPh sb="7" eb="8">
      <t>マタ</t>
    </rPh>
    <rPh sb="9" eb="13">
      <t>ジュンカンゴシ</t>
    </rPh>
    <rPh sb="16" eb="17">
      <t>モノ</t>
    </rPh>
    <rPh sb="18" eb="19">
      <t>ノゾ</t>
    </rPh>
    <rPh sb="25" eb="27">
      <t>ソウスウ</t>
    </rPh>
    <rPh sb="28" eb="30">
      <t>ジョウキン</t>
    </rPh>
    <rPh sb="30" eb="32">
      <t>カンサン</t>
    </rPh>
    <phoneticPr fontId="1"/>
  </si>
  <si>
    <t>※看護小規模多機能型居宅介護にあっては、「保健師、看護師又は
　准看護師である者を除く。」と読み替えるものとする。</t>
    <rPh sb="1" eb="14">
      <t>カンゴショウキボタキノウガタキョタクカイゴ</t>
    </rPh>
    <rPh sb="21" eb="24">
      <t>ホケンシ</t>
    </rPh>
    <rPh sb="25" eb="28">
      <t>カンゴシ</t>
    </rPh>
    <rPh sb="28" eb="29">
      <t>マタ</t>
    </rPh>
    <rPh sb="32" eb="36">
      <t>ジュンカンゴシ</t>
    </rPh>
    <rPh sb="39" eb="40">
      <t>モノ</t>
    </rPh>
    <rPh sb="41" eb="42">
      <t>ノゾ</t>
    </rPh>
    <rPh sb="46" eb="47">
      <t>ヨ</t>
    </rPh>
    <rPh sb="48" eb="49">
      <t>カ</t>
    </rPh>
    <phoneticPr fontId="1"/>
  </si>
  <si>
    <r>
      <t>（３）サービス提供体制強化加算（Ⅲ）</t>
    </r>
    <r>
      <rPr>
        <sz val="8"/>
        <rFont val="HGSｺﾞｼｯｸM"/>
        <family val="3"/>
        <charset val="128"/>
      </rPr>
      <t xml:space="preserve"> </t>
    </r>
    <rPh sb="7" eb="9">
      <t>テイキョウ</t>
    </rPh>
    <rPh sb="9" eb="11">
      <t>タイセイ</t>
    </rPh>
    <rPh sb="11" eb="13">
      <t>キョウカ</t>
    </rPh>
    <rPh sb="13" eb="15">
      <t>カサン</t>
    </rPh>
    <phoneticPr fontId="1"/>
  </si>
  <si>
    <t>従業者の総数（常勤換算）</t>
    <rPh sb="0" eb="3">
      <t>ジュウギョウシャ</t>
    </rPh>
    <rPh sb="2" eb="3">
      <t>モノ</t>
    </rPh>
    <rPh sb="4" eb="6">
      <t>ソウスウ</t>
    </rPh>
    <rPh sb="7" eb="9">
      <t>ジョウキン</t>
    </rPh>
    <rPh sb="9" eb="11">
      <t>カンサン</t>
    </rPh>
    <phoneticPr fontId="1"/>
  </si>
  <si>
    <t>従業者とは、小規模多機能型居宅介護における小規模多機能型居宅介護従業者、看護小規模多機能型居宅介護における看護小規模多機能型居宅介護従業者をいう。</t>
    <rPh sb="0" eb="3">
      <t>ジュウギョウシャ</t>
    </rPh>
    <rPh sb="6" eb="17">
      <t>ショウキボタキノウガタキョタクカイゴ</t>
    </rPh>
    <rPh sb="21" eb="24">
      <t>ショウキボ</t>
    </rPh>
    <rPh sb="24" eb="28">
      <t>タキノウガタ</t>
    </rPh>
    <rPh sb="28" eb="30">
      <t>キョタク</t>
    </rPh>
    <rPh sb="30" eb="32">
      <t>カイゴ</t>
    </rPh>
    <rPh sb="32" eb="35">
      <t>ジュウギョウシャ</t>
    </rPh>
    <rPh sb="36" eb="38">
      <t>カンゴ</t>
    </rPh>
    <rPh sb="38" eb="41">
      <t>ショウキボ</t>
    </rPh>
    <rPh sb="41" eb="45">
      <t>タキノウガタ</t>
    </rPh>
    <rPh sb="45" eb="47">
      <t>キョタク</t>
    </rPh>
    <rPh sb="47" eb="49">
      <t>カイゴ</t>
    </rPh>
    <rPh sb="53" eb="55">
      <t>カンゴ</t>
    </rPh>
    <rPh sb="55" eb="58">
      <t>ショウキボ</t>
    </rPh>
    <rPh sb="58" eb="62">
      <t>タキノウガタ</t>
    </rPh>
    <rPh sb="62" eb="64">
      <t>キョタク</t>
    </rPh>
    <rPh sb="64" eb="66">
      <t>カイゴ</t>
    </rPh>
    <rPh sb="66" eb="69">
      <t>ジュウギョウシャ</t>
    </rPh>
    <phoneticPr fontId="1"/>
  </si>
  <si>
    <t>（介護予防）特定施設入居者生活介護、地域密着型特定施設入居者生活介護、
（介護予防）認知症対応型共同生活介護</t>
    <rPh sb="1" eb="3">
      <t>カイゴ</t>
    </rPh>
    <rPh sb="3" eb="5">
      <t>ヨボウ</t>
    </rPh>
    <rPh sb="6" eb="8">
      <t>トクテイ</t>
    </rPh>
    <rPh sb="8" eb="10">
      <t>シセツ</t>
    </rPh>
    <rPh sb="10" eb="13">
      <t>ニュウキョシャ</t>
    </rPh>
    <rPh sb="13" eb="15">
      <t>セイカツ</t>
    </rPh>
    <rPh sb="15" eb="17">
      <t>カイゴ</t>
    </rPh>
    <rPh sb="18" eb="20">
      <t>チイキ</t>
    </rPh>
    <rPh sb="20" eb="23">
      <t>ミッチャクガタ</t>
    </rPh>
    <rPh sb="23" eb="25">
      <t>トクテイ</t>
    </rPh>
    <rPh sb="25" eb="27">
      <t>シセツ</t>
    </rPh>
    <rPh sb="27" eb="30">
      <t>ニュウキョシャ</t>
    </rPh>
    <rPh sb="30" eb="32">
      <t>セイカツ</t>
    </rPh>
    <rPh sb="32" eb="34">
      <t>カイゴ</t>
    </rPh>
    <rPh sb="37" eb="39">
      <t>カイゴ</t>
    </rPh>
    <rPh sb="39" eb="41">
      <t>ヨボウ</t>
    </rPh>
    <rPh sb="42" eb="45">
      <t>ニンチショウ</t>
    </rPh>
    <rPh sb="45" eb="48">
      <t>タイオウガタ</t>
    </rPh>
    <rPh sb="48" eb="50">
      <t>キョウドウ</t>
    </rPh>
    <rPh sb="50" eb="52">
      <t>セイカツ</t>
    </rPh>
    <rPh sb="52" eb="54">
      <t>カイゴ</t>
    </rPh>
    <phoneticPr fontId="1"/>
  </si>
  <si>
    <t>1　（介護予防）特定施設入居者生活介護</t>
    <phoneticPr fontId="1"/>
  </si>
  <si>
    <t>2　地域密着型特定施設入居者生活介護</t>
    <rPh sb="2" eb="4">
      <t>チイキ</t>
    </rPh>
    <rPh sb="4" eb="7">
      <t>ミッチャクガタ</t>
    </rPh>
    <rPh sb="7" eb="9">
      <t>トクテイ</t>
    </rPh>
    <rPh sb="9" eb="11">
      <t>シセツ</t>
    </rPh>
    <rPh sb="11" eb="14">
      <t>ニュウキョシャ</t>
    </rPh>
    <rPh sb="14" eb="16">
      <t>セイカツ</t>
    </rPh>
    <rPh sb="16" eb="18">
      <t>カイゴ</t>
    </rPh>
    <phoneticPr fontId="1"/>
  </si>
  <si>
    <t>3　（介護予防）認知症対応型共同生活介護</t>
    <rPh sb="3" eb="5">
      <t>カイゴ</t>
    </rPh>
    <rPh sb="5" eb="7">
      <t>ヨボウ</t>
    </rPh>
    <rPh sb="8" eb="11">
      <t>ニンチショウ</t>
    </rPh>
    <rPh sb="11" eb="14">
      <t>タイオウガタ</t>
    </rPh>
    <rPh sb="14" eb="16">
      <t>キョウドウ</t>
    </rPh>
    <rPh sb="16" eb="18">
      <t>セイカツ</t>
    </rPh>
    <rPh sb="18" eb="20">
      <t>カイゴ</t>
    </rPh>
    <phoneticPr fontId="1"/>
  </si>
  <si>
    <t>　※（介護予防）特定施設入居者生活介護、地域密着型特定施設入居者生活介護は記載</t>
    <rPh sb="37" eb="39">
      <t>キサイ</t>
    </rPh>
    <phoneticPr fontId="1"/>
  </si>
  <si>
    <t xml:space="preserve"> 　　※介護福祉士等の状況、常勤職員の状況、勤続年数の状況のうち、いずれか１つを満たすこと。</t>
    <phoneticPr fontId="1"/>
  </si>
  <si>
    <t>（別紙28）</t>
    <phoneticPr fontId="1"/>
  </si>
  <si>
    <t>１０％以上</t>
    <rPh sb="3" eb="5">
      <t>イジョウ</t>
    </rPh>
    <phoneticPr fontId="1"/>
  </si>
  <si>
    <t>５以上</t>
    <rPh sb="1" eb="3">
      <t>イジョウ</t>
    </rPh>
    <phoneticPr fontId="1"/>
  </si>
  <si>
    <t>３以上</t>
    <rPh sb="1" eb="3">
      <t>イジョウ</t>
    </rPh>
    <phoneticPr fontId="1"/>
  </si>
  <si>
    <t>合計</t>
    <rPh sb="0" eb="2">
      <t>ゴウケイ</t>
    </rPh>
    <phoneticPr fontId="1"/>
  </si>
  <si>
    <t>（別紙13）</t>
    <phoneticPr fontId="1"/>
  </si>
  <si>
    <t>訪問看護事業所における定期巡回・随時対応型訪問介護看護連携に係る届出書</t>
    <rPh sb="11" eb="13">
      <t>テイキ</t>
    </rPh>
    <rPh sb="13" eb="15">
      <t>ジュンカイ</t>
    </rPh>
    <rPh sb="16" eb="18">
      <t>ズイジ</t>
    </rPh>
    <rPh sb="18" eb="21">
      <t>タイオウガタ</t>
    </rPh>
    <rPh sb="21" eb="23">
      <t>ホウモン</t>
    </rPh>
    <rPh sb="23" eb="25">
      <t>カイゴ</t>
    </rPh>
    <rPh sb="25" eb="27">
      <t>カンゴ</t>
    </rPh>
    <rPh sb="27" eb="29">
      <t>レンケイ</t>
    </rPh>
    <rPh sb="30" eb="31">
      <t>カカ</t>
    </rPh>
    <rPh sb="32" eb="35">
      <t>トドケデショ</t>
    </rPh>
    <phoneticPr fontId="1"/>
  </si>
  <si>
    <t xml:space="preserve">   3　施設等の区分</t>
    <phoneticPr fontId="1"/>
  </si>
  <si>
    <t>1　訪問看護事業所（訪問看護ステーション）</t>
    <phoneticPr fontId="1"/>
  </si>
  <si>
    <t>2　訪問看護事業所（病院又は診療所）</t>
  </si>
  <si>
    <t>連携する定期巡回・随時対応型訪問介護看護事業所</t>
    <rPh sb="0" eb="2">
      <t>レンケイ</t>
    </rPh>
    <rPh sb="4" eb="6">
      <t>テイキ</t>
    </rPh>
    <rPh sb="6" eb="8">
      <t>ジュンカイ</t>
    </rPh>
    <rPh sb="9" eb="11">
      <t>ズイジ</t>
    </rPh>
    <rPh sb="11" eb="14">
      <t>タイオウガタ</t>
    </rPh>
    <rPh sb="14" eb="16">
      <t>ホウモン</t>
    </rPh>
    <rPh sb="16" eb="18">
      <t>カイゴ</t>
    </rPh>
    <rPh sb="18" eb="20">
      <t>カンゴ</t>
    </rPh>
    <rPh sb="20" eb="23">
      <t>ジギョウショ</t>
    </rPh>
    <phoneticPr fontId="1"/>
  </si>
  <si>
    <t>（別紙8）</t>
    <phoneticPr fontId="1"/>
  </si>
  <si>
    <t>定期巡回・随時対応サービスに関する状況等に係る届出書（訪問介護事業所）</t>
    <rPh sb="0" eb="2">
      <t>テイキ</t>
    </rPh>
    <rPh sb="2" eb="4">
      <t>ジュンカイ</t>
    </rPh>
    <rPh sb="5" eb="7">
      <t>ズイジ</t>
    </rPh>
    <rPh sb="7" eb="9">
      <t>タイオウ</t>
    </rPh>
    <rPh sb="14" eb="15">
      <t>カン</t>
    </rPh>
    <rPh sb="17" eb="19">
      <t>ジョウキョウ</t>
    </rPh>
    <rPh sb="19" eb="20">
      <t>トウ</t>
    </rPh>
    <rPh sb="21" eb="22">
      <t>カカ</t>
    </rPh>
    <rPh sb="23" eb="26">
      <t>トドケデショ</t>
    </rPh>
    <rPh sb="27" eb="29">
      <t>ホウモン</t>
    </rPh>
    <rPh sb="29" eb="31">
      <t>カイゴ</t>
    </rPh>
    <rPh sb="31" eb="34">
      <t>ジギョウショ</t>
    </rPh>
    <phoneticPr fontId="1"/>
  </si>
  <si>
    <t>(1)　利用者又はその家族等から電話等による連絡があった場合に、24時間対応</t>
    <rPh sb="4" eb="7">
      <t>リヨウシャ</t>
    </rPh>
    <rPh sb="7" eb="8">
      <t>マタ</t>
    </rPh>
    <rPh sb="11" eb="13">
      <t>カゾク</t>
    </rPh>
    <rPh sb="13" eb="14">
      <t>トウ</t>
    </rPh>
    <rPh sb="16" eb="18">
      <t>デンワ</t>
    </rPh>
    <rPh sb="18" eb="19">
      <t>トウ</t>
    </rPh>
    <rPh sb="22" eb="24">
      <t>レンラク</t>
    </rPh>
    <rPh sb="28" eb="30">
      <t>バアイ</t>
    </rPh>
    <rPh sb="34" eb="36">
      <t>ジカン</t>
    </rPh>
    <rPh sb="36" eb="38">
      <t>タイオウ</t>
    </rPh>
    <phoneticPr fontId="1"/>
  </si>
  <si>
    <t>　できる体制にあること。</t>
    <rPh sb="4" eb="6">
      <t>タイセイ</t>
    </rPh>
    <phoneticPr fontId="1"/>
  </si>
  <si>
    <t>連絡方法</t>
    <rPh sb="0" eb="2">
      <t>レンラク</t>
    </rPh>
    <rPh sb="2" eb="4">
      <t>ホウホウ</t>
    </rPh>
    <phoneticPr fontId="1"/>
  </si>
  <si>
    <t>(2)　指定定期巡回・随時対応型訪問介護看護の指定を併せて受けている。</t>
    <rPh sb="4" eb="6">
      <t>シテイ</t>
    </rPh>
    <rPh sb="6" eb="8">
      <t>テイキ</t>
    </rPh>
    <rPh sb="8" eb="10">
      <t>ジュンカイ</t>
    </rPh>
    <rPh sb="11" eb="13">
      <t>ズイジ</t>
    </rPh>
    <rPh sb="13" eb="16">
      <t>タイオウガタ</t>
    </rPh>
    <rPh sb="16" eb="22">
      <t>ホウモンカイゴカンゴ</t>
    </rPh>
    <rPh sb="23" eb="25">
      <t>シテイ</t>
    </rPh>
    <rPh sb="26" eb="27">
      <t>アワ</t>
    </rPh>
    <rPh sb="29" eb="30">
      <t>ウ</t>
    </rPh>
    <phoneticPr fontId="1"/>
  </si>
  <si>
    <t>(3)　指定定期巡回・随時対応型訪問介護看護の指定を受けようとする計画を策定</t>
    <rPh sb="4" eb="6">
      <t>シテイ</t>
    </rPh>
    <rPh sb="6" eb="8">
      <t>テイキ</t>
    </rPh>
    <rPh sb="8" eb="10">
      <t>ジュンカイ</t>
    </rPh>
    <rPh sb="11" eb="13">
      <t>ズイジ</t>
    </rPh>
    <rPh sb="13" eb="16">
      <t>タイオウガタ</t>
    </rPh>
    <rPh sb="16" eb="22">
      <t>ホウモンカイゴカンゴ</t>
    </rPh>
    <rPh sb="23" eb="25">
      <t>シテイ</t>
    </rPh>
    <phoneticPr fontId="1"/>
  </si>
  <si>
    <t>　　している。</t>
    <phoneticPr fontId="1"/>
  </si>
  <si>
    <t>実施予定年月日</t>
    <rPh sb="0" eb="2">
      <t>ジッシ</t>
    </rPh>
    <rPh sb="2" eb="4">
      <t>ヨテイ</t>
    </rPh>
    <rPh sb="4" eb="7">
      <t>ネンガッピ</t>
    </rPh>
    <phoneticPr fontId="1"/>
  </si>
  <si>
    <t>（別紙36）</t>
    <phoneticPr fontId="1"/>
  </si>
  <si>
    <t>日常生活継続支援加算に関する届出書
（介護老人福祉施設・地域密着型介護老人福祉施設）　</t>
    <rPh sb="0" eb="2">
      <t>ニチジョウ</t>
    </rPh>
    <rPh sb="2" eb="4">
      <t>セイカツ</t>
    </rPh>
    <rPh sb="4" eb="6">
      <t>ケイゾク</t>
    </rPh>
    <rPh sb="6" eb="8">
      <t>シエン</t>
    </rPh>
    <rPh sb="8" eb="10">
      <t>カサン</t>
    </rPh>
    <rPh sb="11" eb="12">
      <t>カン</t>
    </rPh>
    <rPh sb="14" eb="17">
      <t>トドケデショ</t>
    </rPh>
    <rPh sb="19" eb="21">
      <t>カイゴ</t>
    </rPh>
    <rPh sb="21" eb="23">
      <t>ロウジン</t>
    </rPh>
    <rPh sb="23" eb="25">
      <t>フクシ</t>
    </rPh>
    <rPh sb="25" eb="27">
      <t>シセツ</t>
    </rPh>
    <rPh sb="28" eb="30">
      <t>チイキ</t>
    </rPh>
    <rPh sb="30" eb="32">
      <t>ミッチャク</t>
    </rPh>
    <rPh sb="33" eb="35">
      <t>カイゴ</t>
    </rPh>
    <rPh sb="35" eb="37">
      <t>ロウジン</t>
    </rPh>
    <rPh sb="37" eb="39">
      <t>フクシ</t>
    </rPh>
    <rPh sb="39" eb="41">
      <t>シセツ</t>
    </rPh>
    <rPh sb="41" eb="42">
      <t>ツウショ</t>
    </rPh>
    <phoneticPr fontId="1"/>
  </si>
  <si>
    <t>3　施 設 種 別</t>
    <rPh sb="2" eb="3">
      <t>シ</t>
    </rPh>
    <rPh sb="4" eb="5">
      <t>セツ</t>
    </rPh>
    <rPh sb="6" eb="7">
      <t>タネ</t>
    </rPh>
    <rPh sb="8" eb="9">
      <t>ベツ</t>
    </rPh>
    <phoneticPr fontId="1"/>
  </si>
  <si>
    <t>4　届 出 項 目</t>
    <rPh sb="2" eb="3">
      <t>トドケ</t>
    </rPh>
    <rPh sb="4" eb="5">
      <t>デ</t>
    </rPh>
    <rPh sb="6" eb="7">
      <t>コウ</t>
    </rPh>
    <rPh sb="8" eb="9">
      <t>モク</t>
    </rPh>
    <phoneticPr fontId="1"/>
  </si>
  <si>
    <t>1　日常生活継続支援加算（Ⅰ）</t>
    <phoneticPr fontId="1"/>
  </si>
  <si>
    <t>2　日常生活継続支援加算（Ⅱ）</t>
    <phoneticPr fontId="1"/>
  </si>
  <si>
    <t>　5　入所者の
      状況及び介護
      福祉士の状況</t>
    <rPh sb="3" eb="6">
      <t>ニュウショシャ</t>
    </rPh>
    <rPh sb="14" eb="15">
      <t>ジョウ</t>
    </rPh>
    <rPh sb="16" eb="17">
      <t>オヨ</t>
    </rPh>
    <rPh sb="18" eb="20">
      <t>カイゴ</t>
    </rPh>
    <rPh sb="27" eb="28">
      <t>フク</t>
    </rPh>
    <rPh sb="31" eb="32">
      <t>ジョウ</t>
    </rPh>
    <rPh sb="32" eb="33">
      <t>キョウ</t>
    </rPh>
    <phoneticPr fontId="1"/>
  </si>
  <si>
    <r>
      <t>入所者の状況
（</t>
    </r>
    <r>
      <rPr>
        <sz val="11"/>
        <color indexed="8"/>
        <rFont val="HGSｺﾞｼｯｸM"/>
        <family val="3"/>
        <charset val="128"/>
      </rPr>
      <t>下表については①を記載した場合は②若しくは③のいずれかを、④を記載した場合は⑤を必ず記載すること。）</t>
    </r>
    <rPh sb="0" eb="3">
      <t>ニュウショシャ</t>
    </rPh>
    <rPh sb="4" eb="6">
      <t>ジョウキョウ</t>
    </rPh>
    <rPh sb="8" eb="10">
      <t>カヒョウ</t>
    </rPh>
    <rPh sb="17" eb="19">
      <t>キサイ</t>
    </rPh>
    <rPh sb="21" eb="23">
      <t>バアイ</t>
    </rPh>
    <rPh sb="25" eb="26">
      <t>モ</t>
    </rPh>
    <rPh sb="39" eb="41">
      <t>キサイ</t>
    </rPh>
    <rPh sb="43" eb="45">
      <t>バアイ</t>
    </rPh>
    <rPh sb="48" eb="49">
      <t>カナラ</t>
    </rPh>
    <rPh sb="50" eb="52">
      <t>キサイ</t>
    </rPh>
    <phoneticPr fontId="1"/>
  </si>
  <si>
    <t>前６月又は前12月の新規新規入所者の総数</t>
    <rPh sb="0" eb="1">
      <t>ゼン</t>
    </rPh>
    <rPh sb="2" eb="3">
      <t>ガツ</t>
    </rPh>
    <rPh sb="3" eb="4">
      <t>マタ</t>
    </rPh>
    <rPh sb="5" eb="6">
      <t>ゼン</t>
    </rPh>
    <rPh sb="8" eb="9">
      <t>ガツ</t>
    </rPh>
    <rPh sb="10" eb="12">
      <t>シンキ</t>
    </rPh>
    <rPh sb="12" eb="14">
      <t>シンキ</t>
    </rPh>
    <rPh sb="14" eb="17">
      <t>ニュウショシャ</t>
    </rPh>
    <rPh sb="18" eb="20">
      <t>ソウスウ</t>
    </rPh>
    <phoneticPr fontId="1"/>
  </si>
  <si>
    <r>
      <t>①のうち</t>
    </r>
    <r>
      <rPr>
        <sz val="10"/>
        <color indexed="8"/>
        <rFont val="HGSｺﾞｼｯｸM"/>
        <family val="3"/>
        <charset val="128"/>
      </rPr>
      <t>入所した日の要介護状態区分が要介護４又は要介護５の者の数</t>
    </r>
    <rPh sb="10" eb="13">
      <t>ヨウカイゴ</t>
    </rPh>
    <rPh sb="13" eb="15">
      <t>ジョウタイ</t>
    </rPh>
    <rPh sb="15" eb="17">
      <t>クブン</t>
    </rPh>
    <rPh sb="18" eb="21">
      <t>ヨウカイゴ</t>
    </rPh>
    <rPh sb="22" eb="23">
      <t>マタ</t>
    </rPh>
    <rPh sb="24" eb="27">
      <t>ヨウカイゴ</t>
    </rPh>
    <rPh sb="29" eb="30">
      <t>シャ</t>
    </rPh>
    <rPh sb="31" eb="32">
      <t>スウ</t>
    </rPh>
    <phoneticPr fontId="1"/>
  </si>
  <si>
    <t>①に占める②の割合が
７０％以上</t>
    <rPh sb="2" eb="3">
      <t>シ</t>
    </rPh>
    <rPh sb="7" eb="8">
      <t>ワリ</t>
    </rPh>
    <rPh sb="8" eb="9">
      <t>ゴウ</t>
    </rPh>
    <rPh sb="14" eb="16">
      <t>イジョウ</t>
    </rPh>
    <phoneticPr fontId="1"/>
  </si>
  <si>
    <r>
      <t>①のうち</t>
    </r>
    <r>
      <rPr>
        <sz val="10"/>
        <color indexed="8"/>
        <rFont val="HGSｺﾞｼｯｸM"/>
        <family val="3"/>
        <charset val="128"/>
      </rPr>
      <t>入所した日の日常生活自立度がランクⅢ、Ⅳ又はⅤに該当する者の数</t>
    </r>
    <rPh sb="10" eb="12">
      <t>ニチジョウ</t>
    </rPh>
    <rPh sb="12" eb="14">
      <t>セイカツ</t>
    </rPh>
    <rPh sb="14" eb="17">
      <t>ジリツド</t>
    </rPh>
    <rPh sb="24" eb="25">
      <t>マタ</t>
    </rPh>
    <rPh sb="28" eb="30">
      <t>ガイトウ</t>
    </rPh>
    <rPh sb="32" eb="33">
      <t>シャ</t>
    </rPh>
    <rPh sb="34" eb="35">
      <t>スウ</t>
    </rPh>
    <phoneticPr fontId="1"/>
  </si>
  <si>
    <t>①に占める③の割合が
６５％以上</t>
    <rPh sb="2" eb="3">
      <t>シ</t>
    </rPh>
    <rPh sb="7" eb="8">
      <t>ワリ</t>
    </rPh>
    <rPh sb="8" eb="9">
      <t>ゴウ</t>
    </rPh>
    <rPh sb="14" eb="16">
      <t>イジョウ</t>
    </rPh>
    <phoneticPr fontId="1"/>
  </si>
  <si>
    <t>入所者総数</t>
    <rPh sb="0" eb="2">
      <t>ニュウショ</t>
    </rPh>
    <rPh sb="2" eb="3">
      <t>シャ</t>
    </rPh>
    <rPh sb="3" eb="5">
      <t>ソウスウ</t>
    </rPh>
    <phoneticPr fontId="1"/>
  </si>
  <si>
    <r>
      <rPr>
        <sz val="10"/>
        <color indexed="8"/>
        <rFont val="HGSｺﾞｼｯｸM"/>
        <family val="3"/>
        <charset val="128"/>
      </rPr>
      <t>①のうち社会福祉士及び介護福祉士法施行規則第１条各号に掲げる行為を必要とする者の数</t>
    </r>
    <rPh sb="4" eb="6">
      <t>シャカイ</t>
    </rPh>
    <rPh sb="6" eb="8">
      <t>フクシ</t>
    </rPh>
    <rPh sb="8" eb="9">
      <t>シ</t>
    </rPh>
    <rPh sb="9" eb="10">
      <t>オヨ</t>
    </rPh>
    <rPh sb="11" eb="13">
      <t>カイゴ</t>
    </rPh>
    <rPh sb="13" eb="16">
      <t>フクシシ</t>
    </rPh>
    <rPh sb="16" eb="17">
      <t>ホウ</t>
    </rPh>
    <rPh sb="17" eb="19">
      <t>セコウ</t>
    </rPh>
    <rPh sb="19" eb="21">
      <t>キソク</t>
    </rPh>
    <rPh sb="21" eb="22">
      <t>ダイ</t>
    </rPh>
    <rPh sb="23" eb="24">
      <t>ジョウ</t>
    </rPh>
    <rPh sb="24" eb="26">
      <t>カクゴウ</t>
    </rPh>
    <rPh sb="27" eb="28">
      <t>カカ</t>
    </rPh>
    <rPh sb="30" eb="32">
      <t>コウイ</t>
    </rPh>
    <rPh sb="33" eb="35">
      <t>ヒツヨウ</t>
    </rPh>
    <rPh sb="38" eb="39">
      <t>モノ</t>
    </rPh>
    <rPh sb="40" eb="41">
      <t>カズ</t>
    </rPh>
    <phoneticPr fontId="1"/>
  </si>
  <si>
    <t>④に占める⑤の割合が
１５％以上</t>
    <rPh sb="2" eb="3">
      <t>シ</t>
    </rPh>
    <rPh sb="7" eb="8">
      <t>ワリ</t>
    </rPh>
    <rPh sb="8" eb="9">
      <t>ゴウ</t>
    </rPh>
    <rPh sb="14" eb="16">
      <t>イジョウ</t>
    </rPh>
    <phoneticPr fontId="1"/>
  </si>
  <si>
    <t>介護福祉士の割合</t>
    <rPh sb="0" eb="2">
      <t>カイゴ</t>
    </rPh>
    <rPh sb="2" eb="5">
      <t>フクシシ</t>
    </rPh>
    <rPh sb="6" eb="8">
      <t>ワリアイ</t>
    </rPh>
    <phoneticPr fontId="1"/>
  </si>
  <si>
    <t>介護福祉士数</t>
    <rPh sb="0" eb="2">
      <t>カイゴ</t>
    </rPh>
    <rPh sb="2" eb="5">
      <t>フクシシ</t>
    </rPh>
    <rPh sb="5" eb="6">
      <t>スウ</t>
    </rPh>
    <phoneticPr fontId="1"/>
  </si>
  <si>
    <t>　常勤換算</t>
    <rPh sb="1" eb="3">
      <t>ジョウキン</t>
    </rPh>
    <rPh sb="3" eb="5">
      <t>カンサン</t>
    </rPh>
    <phoneticPr fontId="1"/>
  </si>
  <si>
    <t>介護福祉士数：入所者数が１：６以上</t>
    <rPh sb="0" eb="2">
      <t>カイゴ</t>
    </rPh>
    <rPh sb="2" eb="5">
      <t>フクシシ</t>
    </rPh>
    <rPh sb="5" eb="6">
      <t>スウ</t>
    </rPh>
    <rPh sb="7" eb="10">
      <t>ニュウショシャ</t>
    </rPh>
    <rPh sb="10" eb="11">
      <t>スウ</t>
    </rPh>
    <rPh sb="15" eb="17">
      <t>イジョウ</t>
    </rPh>
    <phoneticPr fontId="1"/>
  </si>
  <si>
    <t>備考１　要件を満たすことが分かる根拠書類を準備し、指定権者からの求めがあった場合には、
　　　速やかに提出してください。</t>
    <rPh sb="0" eb="2">
      <t>ビコウ</t>
    </rPh>
    <rPh sb="4" eb="6">
      <t>ヨウケン</t>
    </rPh>
    <rPh sb="7" eb="8">
      <t>ミ</t>
    </rPh>
    <rPh sb="13" eb="14">
      <t>ワ</t>
    </rPh>
    <rPh sb="16" eb="18">
      <t>コンキョ</t>
    </rPh>
    <rPh sb="18" eb="20">
      <t>ショルイ</t>
    </rPh>
    <rPh sb="21" eb="23">
      <t>ジュンビ</t>
    </rPh>
    <rPh sb="25" eb="27">
      <t>シテイ</t>
    </rPh>
    <rPh sb="27" eb="28">
      <t>ケン</t>
    </rPh>
    <rPh sb="28" eb="29">
      <t>シャ</t>
    </rPh>
    <rPh sb="32" eb="33">
      <t>モト</t>
    </rPh>
    <rPh sb="38" eb="40">
      <t>バアイ</t>
    </rPh>
    <rPh sb="47" eb="48">
      <t>スミ</t>
    </rPh>
    <rPh sb="51" eb="53">
      <t>テイシュツ</t>
    </rPh>
    <phoneticPr fontId="1"/>
  </si>
  <si>
    <t>備考２　①で前６月（前12月）の新規入所者の総数を用いる場合、②及び③については、当該前
　　　６月（前12月）の新規入所者の総数に占めるそれぞれの要件に該当する者の数を記載して
　　　ください。</t>
    <rPh sb="0" eb="2">
      <t>ビコウ</t>
    </rPh>
    <rPh sb="6" eb="7">
      <t>ゼン</t>
    </rPh>
    <rPh sb="8" eb="9">
      <t>ガツ</t>
    </rPh>
    <rPh sb="10" eb="11">
      <t>ゼン</t>
    </rPh>
    <rPh sb="13" eb="14">
      <t>ツキ</t>
    </rPh>
    <rPh sb="16" eb="18">
      <t>シンキ</t>
    </rPh>
    <rPh sb="18" eb="21">
      <t>ニュウショシャ</t>
    </rPh>
    <rPh sb="22" eb="24">
      <t>ソウスウ</t>
    </rPh>
    <rPh sb="25" eb="26">
      <t>モチ</t>
    </rPh>
    <rPh sb="28" eb="30">
      <t>バアイ</t>
    </rPh>
    <rPh sb="32" eb="33">
      <t>オヨ</t>
    </rPh>
    <rPh sb="41" eb="43">
      <t>トウガイ</t>
    </rPh>
    <rPh sb="43" eb="44">
      <t>ゼン</t>
    </rPh>
    <rPh sb="49" eb="50">
      <t>ガツ</t>
    </rPh>
    <rPh sb="51" eb="52">
      <t>ゼン</t>
    </rPh>
    <rPh sb="54" eb="55">
      <t>ツキ</t>
    </rPh>
    <rPh sb="57" eb="59">
      <t>シンキ</t>
    </rPh>
    <rPh sb="59" eb="62">
      <t>ニュウショシャ</t>
    </rPh>
    <rPh sb="63" eb="65">
      <t>ソウスウ</t>
    </rPh>
    <rPh sb="66" eb="67">
      <t>シ</t>
    </rPh>
    <rPh sb="74" eb="76">
      <t>ヨウケン</t>
    </rPh>
    <rPh sb="77" eb="79">
      <t>ガイトウ</t>
    </rPh>
    <rPh sb="81" eb="82">
      <t>モノ</t>
    </rPh>
    <rPh sb="83" eb="84">
      <t>カズ</t>
    </rPh>
    <rPh sb="85" eb="87">
      <t>キサイ</t>
    </rPh>
    <phoneticPr fontId="1"/>
  </si>
  <si>
    <t>テクノロジーの導入による日常生活継続支援加算に関する届出書</t>
    <rPh sb="7" eb="9">
      <t>ドウニュウ</t>
    </rPh>
    <rPh sb="12" eb="14">
      <t>ニチジョウ</t>
    </rPh>
    <rPh sb="14" eb="16">
      <t>セイカツ</t>
    </rPh>
    <rPh sb="16" eb="18">
      <t>ケイゾク</t>
    </rPh>
    <rPh sb="18" eb="20">
      <t>シエン</t>
    </rPh>
    <rPh sb="20" eb="22">
      <t>カサン</t>
    </rPh>
    <rPh sb="23" eb="24">
      <t>カン</t>
    </rPh>
    <rPh sb="26" eb="29">
      <t>トドケデショ</t>
    </rPh>
    <phoneticPr fontId="1"/>
  </si>
  <si>
    <t>入所者の状況
（下表については①を記載した場合は②若しくは③のいずれかを、④を記載した場合は⑤を必ず記載すること。）</t>
    <rPh sb="0" eb="3">
      <t>ニュウショシャ</t>
    </rPh>
    <rPh sb="4" eb="6">
      <t>ジョウキョウ</t>
    </rPh>
    <rPh sb="8" eb="10">
      <t>カヒョウ</t>
    </rPh>
    <rPh sb="17" eb="19">
      <t>キサイ</t>
    </rPh>
    <rPh sb="21" eb="23">
      <t>バアイ</t>
    </rPh>
    <rPh sb="25" eb="26">
      <t>モ</t>
    </rPh>
    <rPh sb="39" eb="41">
      <t>キサイ</t>
    </rPh>
    <rPh sb="43" eb="45">
      <t>バアイ</t>
    </rPh>
    <rPh sb="48" eb="49">
      <t>カナラ</t>
    </rPh>
    <rPh sb="50" eb="52">
      <t>キサイ</t>
    </rPh>
    <phoneticPr fontId="1"/>
  </si>
  <si>
    <t>①のうち入所した日の要介護状態区分が要介護４又は要介護５の者の数</t>
    <rPh sb="10" eb="13">
      <t>ヨウカイゴ</t>
    </rPh>
    <rPh sb="13" eb="15">
      <t>ジョウタイ</t>
    </rPh>
    <rPh sb="15" eb="17">
      <t>クブン</t>
    </rPh>
    <rPh sb="18" eb="21">
      <t>ヨウカイゴ</t>
    </rPh>
    <rPh sb="22" eb="23">
      <t>マタ</t>
    </rPh>
    <rPh sb="24" eb="27">
      <t>ヨウカイゴ</t>
    </rPh>
    <rPh sb="29" eb="30">
      <t>シャ</t>
    </rPh>
    <rPh sb="31" eb="32">
      <t>スウ</t>
    </rPh>
    <phoneticPr fontId="1"/>
  </si>
  <si>
    <t>①に占める②の割合が７０％以上</t>
    <rPh sb="2" eb="3">
      <t>シ</t>
    </rPh>
    <rPh sb="7" eb="8">
      <t>ワリ</t>
    </rPh>
    <rPh sb="8" eb="9">
      <t>ゴウ</t>
    </rPh>
    <rPh sb="13" eb="15">
      <t>イジョウ</t>
    </rPh>
    <phoneticPr fontId="1"/>
  </si>
  <si>
    <t>①のうち入所した日の日常生活自立度がランクⅢ、Ⅳ又はⅤに該当する者の数</t>
    <rPh sb="10" eb="12">
      <t>ニチジョウ</t>
    </rPh>
    <rPh sb="12" eb="14">
      <t>セイカツ</t>
    </rPh>
    <rPh sb="14" eb="17">
      <t>ジリツド</t>
    </rPh>
    <rPh sb="24" eb="25">
      <t>マタ</t>
    </rPh>
    <rPh sb="28" eb="30">
      <t>ガイトウ</t>
    </rPh>
    <rPh sb="32" eb="33">
      <t>シャ</t>
    </rPh>
    <rPh sb="34" eb="35">
      <t>スウ</t>
    </rPh>
    <phoneticPr fontId="1"/>
  </si>
  <si>
    <t>①に占める③の割合が６５％以上</t>
    <rPh sb="2" eb="3">
      <t>シ</t>
    </rPh>
    <rPh sb="7" eb="8">
      <t>ワリ</t>
    </rPh>
    <rPh sb="8" eb="9">
      <t>ゴウ</t>
    </rPh>
    <rPh sb="13" eb="15">
      <t>イジョウ</t>
    </rPh>
    <phoneticPr fontId="1"/>
  </si>
  <si>
    <t>①のうち社会福祉士及び介護福祉士法施行規則第１条各号に掲げる行為を必要とする者の数</t>
    <rPh sb="4" eb="6">
      <t>シャカイ</t>
    </rPh>
    <rPh sb="6" eb="8">
      <t>フクシ</t>
    </rPh>
    <rPh sb="8" eb="9">
      <t>シ</t>
    </rPh>
    <rPh sb="9" eb="10">
      <t>オヨ</t>
    </rPh>
    <rPh sb="11" eb="13">
      <t>カイゴ</t>
    </rPh>
    <rPh sb="13" eb="16">
      <t>フクシシ</t>
    </rPh>
    <rPh sb="16" eb="17">
      <t>ホウ</t>
    </rPh>
    <rPh sb="17" eb="19">
      <t>セコウ</t>
    </rPh>
    <rPh sb="19" eb="21">
      <t>キソク</t>
    </rPh>
    <rPh sb="21" eb="22">
      <t>ダイ</t>
    </rPh>
    <rPh sb="23" eb="24">
      <t>ジョウ</t>
    </rPh>
    <rPh sb="24" eb="26">
      <t>カクゴウ</t>
    </rPh>
    <rPh sb="27" eb="28">
      <t>カカ</t>
    </rPh>
    <rPh sb="30" eb="32">
      <t>コウイ</t>
    </rPh>
    <rPh sb="33" eb="35">
      <t>ヒツヨウ</t>
    </rPh>
    <rPh sb="38" eb="39">
      <t>モノ</t>
    </rPh>
    <rPh sb="40" eb="41">
      <t>カズ</t>
    </rPh>
    <phoneticPr fontId="1"/>
  </si>
  <si>
    <t>介護福祉士数：入所者数が１：７以上</t>
    <rPh sb="0" eb="2">
      <t>カイゴ</t>
    </rPh>
    <rPh sb="2" eb="5">
      <t>フクシシ</t>
    </rPh>
    <rPh sb="5" eb="6">
      <t>スウ</t>
    </rPh>
    <rPh sb="7" eb="10">
      <t>ニュウショシャ</t>
    </rPh>
    <rPh sb="10" eb="11">
      <t>スウ</t>
    </rPh>
    <rPh sb="15" eb="17">
      <t>イジョウ</t>
    </rPh>
    <phoneticPr fontId="1"/>
  </si>
  <si>
    <t>以下の①から④の取組をすべて実施していること。</t>
    <rPh sb="0" eb="2">
      <t>イカ</t>
    </rPh>
    <rPh sb="8" eb="10">
      <t>トリクミ</t>
    </rPh>
    <rPh sb="14" eb="16">
      <t>ジッシ</t>
    </rPh>
    <phoneticPr fontId="1"/>
  </si>
  <si>
    <t>　6　テクノロ
　　ジーの使用
　　状況</t>
    <rPh sb="13" eb="15">
      <t>シヨウ</t>
    </rPh>
    <rPh sb="18" eb="20">
      <t>ジョウキョウ</t>
    </rPh>
    <phoneticPr fontId="1"/>
  </si>
  <si>
    <t>① テクノロジーを搭載した機器について、少なくとも以下のⅰ～ⅲの項目の機器を使用</t>
    <rPh sb="9" eb="11">
      <t>トウサイ</t>
    </rPh>
    <rPh sb="13" eb="15">
      <t>キキ</t>
    </rPh>
    <rPh sb="20" eb="21">
      <t>スク</t>
    </rPh>
    <rPh sb="25" eb="27">
      <t>イカ</t>
    </rPh>
    <rPh sb="32" eb="34">
      <t>コウモク</t>
    </rPh>
    <rPh sb="35" eb="37">
      <t>キキ</t>
    </rPh>
    <rPh sb="38" eb="40">
      <t>シヨウ</t>
    </rPh>
    <phoneticPr fontId="1"/>
  </si>
  <si>
    <t>　ⅰ 入所者全員に見守り機器を使用</t>
    <rPh sb="3" eb="6">
      <t>ニュウショシャ</t>
    </rPh>
    <rPh sb="6" eb="8">
      <t>ゼンイン</t>
    </rPh>
    <rPh sb="9" eb="11">
      <t>ミマモ</t>
    </rPh>
    <rPh sb="12" eb="14">
      <t>キキ</t>
    </rPh>
    <rPh sb="15" eb="17">
      <t>シヨウ</t>
    </rPh>
    <phoneticPr fontId="1"/>
  </si>
  <si>
    <t>　ⅱ 職員全員がインカムを使用</t>
    <rPh sb="3" eb="5">
      <t>ショクイン</t>
    </rPh>
    <rPh sb="5" eb="7">
      <t>ゼンイン</t>
    </rPh>
    <rPh sb="13" eb="15">
      <t>シヨウ</t>
    </rPh>
    <phoneticPr fontId="1"/>
  </si>
  <si>
    <t>　ⅲ 介護記録ソフト、スマートフォン等のICTを使用</t>
    <rPh sb="3" eb="5">
      <t>カイゴ</t>
    </rPh>
    <rPh sb="5" eb="7">
      <t>キロク</t>
    </rPh>
    <rPh sb="18" eb="19">
      <t>トウ</t>
    </rPh>
    <rPh sb="24" eb="26">
      <t>シヨウ</t>
    </rPh>
    <phoneticPr fontId="1"/>
  </si>
  <si>
    <t>　ⅳ 移乗支援機器を使用</t>
    <rPh sb="3" eb="5">
      <t>イジョウ</t>
    </rPh>
    <rPh sb="5" eb="7">
      <t>シエン</t>
    </rPh>
    <rPh sb="7" eb="9">
      <t>キキ</t>
    </rPh>
    <rPh sb="10" eb="12">
      <t>シヨウ</t>
    </rPh>
    <phoneticPr fontId="1"/>
  </si>
  <si>
    <t>　（導入機器）</t>
    <rPh sb="2" eb="4">
      <t>ドウニュウ</t>
    </rPh>
    <rPh sb="4" eb="6">
      <t>キキ</t>
    </rPh>
    <phoneticPr fontId="1"/>
  </si>
  <si>
    <t>② 利用者の安全やケアの質の確保、職員の負担の軽減を図るため、以下のすべての項目に
　ついて、テクノロジー導入後、少なくとも３か月以上実施</t>
    <rPh sb="2" eb="5">
      <t>リヨウシャ</t>
    </rPh>
    <rPh sb="6" eb="8">
      <t>アンゼン</t>
    </rPh>
    <rPh sb="12" eb="13">
      <t>シツ</t>
    </rPh>
    <rPh sb="14" eb="16">
      <t>カクホ</t>
    </rPh>
    <rPh sb="17" eb="19">
      <t>ショクイン</t>
    </rPh>
    <rPh sb="20" eb="22">
      <t>フタン</t>
    </rPh>
    <rPh sb="23" eb="25">
      <t>ケイゲン</t>
    </rPh>
    <rPh sb="26" eb="27">
      <t>ハカ</t>
    </rPh>
    <rPh sb="31" eb="33">
      <t>イカ</t>
    </rPh>
    <rPh sb="38" eb="40">
      <t>コウモク</t>
    </rPh>
    <rPh sb="53" eb="55">
      <t>ドウニュウ</t>
    </rPh>
    <rPh sb="55" eb="56">
      <t>ゴ</t>
    </rPh>
    <rPh sb="57" eb="58">
      <t>スク</t>
    </rPh>
    <rPh sb="64" eb="65">
      <t>ツキ</t>
    </rPh>
    <rPh sb="65" eb="67">
      <t>イジョウ</t>
    </rPh>
    <rPh sb="67" eb="69">
      <t>ジッシ</t>
    </rPh>
    <phoneticPr fontId="1"/>
  </si>
  <si>
    <t>　ⅱ 職員に対する十分な休憩時間の確保等の勤務・雇用条件への配慮</t>
    <rPh sb="3" eb="5">
      <t>ショクイン</t>
    </rPh>
    <rPh sb="6" eb="7">
      <t>タイ</t>
    </rPh>
    <rPh sb="9" eb="11">
      <t>ジュウブン</t>
    </rPh>
    <rPh sb="12" eb="14">
      <t>キュウケイ</t>
    </rPh>
    <rPh sb="14" eb="16">
      <t>ジカン</t>
    </rPh>
    <rPh sb="17" eb="19">
      <t>カクホ</t>
    </rPh>
    <rPh sb="19" eb="20">
      <t>トウ</t>
    </rPh>
    <rPh sb="21" eb="23">
      <t>キンム</t>
    </rPh>
    <rPh sb="24" eb="26">
      <t>コヨウ</t>
    </rPh>
    <rPh sb="26" eb="28">
      <t>ジョウケン</t>
    </rPh>
    <rPh sb="30" eb="32">
      <t>ハイリョ</t>
    </rPh>
    <phoneticPr fontId="1"/>
  </si>
  <si>
    <t>　ⅲ 機器の不具合の定期チェックの実施（メーカーとの連携を含む）</t>
    <rPh sb="3" eb="5">
      <t>キキ</t>
    </rPh>
    <rPh sb="6" eb="9">
      <t>フグアイ</t>
    </rPh>
    <rPh sb="10" eb="12">
      <t>テイキ</t>
    </rPh>
    <rPh sb="17" eb="19">
      <t>ジッシ</t>
    </rPh>
    <rPh sb="26" eb="28">
      <t>レンケイ</t>
    </rPh>
    <rPh sb="29" eb="30">
      <t>フク</t>
    </rPh>
    <phoneticPr fontId="1"/>
  </si>
  <si>
    <t>　ⅳ 職員に対するテクノロジー活用に関する教育の実施</t>
    <rPh sb="3" eb="5">
      <t>ショクイン</t>
    </rPh>
    <rPh sb="6" eb="7">
      <t>タイ</t>
    </rPh>
    <rPh sb="15" eb="17">
      <t>カツヨウ</t>
    </rPh>
    <rPh sb="18" eb="19">
      <t>カン</t>
    </rPh>
    <rPh sb="21" eb="23">
      <t>キョウイク</t>
    </rPh>
    <rPh sb="24" eb="26">
      <t>ジッシ</t>
    </rPh>
    <phoneticPr fontId="1"/>
  </si>
  <si>
    <t>③ ②のⅰの委員会で安全体制やケアの質の確保、職員の負担軽減が図られていることを確認</t>
    <rPh sb="6" eb="9">
      <t>イインカイ</t>
    </rPh>
    <rPh sb="10" eb="12">
      <t>アンゼン</t>
    </rPh>
    <rPh sb="12" eb="14">
      <t>タイセイ</t>
    </rPh>
    <rPh sb="18" eb="19">
      <t>シツ</t>
    </rPh>
    <rPh sb="20" eb="22">
      <t>カクホ</t>
    </rPh>
    <rPh sb="23" eb="25">
      <t>ショクイン</t>
    </rPh>
    <rPh sb="26" eb="28">
      <t>フタン</t>
    </rPh>
    <rPh sb="28" eb="30">
      <t>ケイゲン</t>
    </rPh>
    <rPh sb="31" eb="32">
      <t>ハカ</t>
    </rPh>
    <rPh sb="40" eb="42">
      <t>カクニン</t>
    </rPh>
    <phoneticPr fontId="1"/>
  </si>
  <si>
    <t>④ ケアのアセスメント評価や人員体制の見直しをPDCAサイクルによって継続して実施</t>
    <rPh sb="11" eb="13">
      <t>ヒョウカ</t>
    </rPh>
    <rPh sb="14" eb="16">
      <t>ジンイン</t>
    </rPh>
    <rPh sb="16" eb="18">
      <t>タイセイ</t>
    </rPh>
    <rPh sb="19" eb="21">
      <t>ミナオ</t>
    </rPh>
    <rPh sb="35" eb="37">
      <t>ケイゾク</t>
    </rPh>
    <rPh sb="39" eb="41">
      <t>ジッシ</t>
    </rPh>
    <phoneticPr fontId="1"/>
  </si>
  <si>
    <t>備考１　要件を満たすことが分かる議事概要を提出すること。このほか要件を満たすことが分かる
　　　根拠書類を準備し、指定権者からの求めがあった場合には、速やかに提出すること。</t>
    <rPh sb="0" eb="2">
      <t>ビコウ</t>
    </rPh>
    <rPh sb="4" eb="6">
      <t>ヨウケン</t>
    </rPh>
    <rPh sb="7" eb="8">
      <t>ミ</t>
    </rPh>
    <rPh sb="13" eb="14">
      <t>ワ</t>
    </rPh>
    <rPh sb="16" eb="18">
      <t>ギジ</t>
    </rPh>
    <rPh sb="18" eb="20">
      <t>ガイヨウ</t>
    </rPh>
    <rPh sb="21" eb="23">
      <t>テイシュツ</t>
    </rPh>
    <rPh sb="32" eb="34">
      <t>ヨウケン</t>
    </rPh>
    <rPh sb="35" eb="36">
      <t>ミ</t>
    </rPh>
    <rPh sb="41" eb="42">
      <t>ワ</t>
    </rPh>
    <rPh sb="48" eb="50">
      <t>コンキョ</t>
    </rPh>
    <rPh sb="50" eb="52">
      <t>ショルイ</t>
    </rPh>
    <rPh sb="53" eb="55">
      <t>ジュンビ</t>
    </rPh>
    <rPh sb="57" eb="59">
      <t>シテイ</t>
    </rPh>
    <rPh sb="59" eb="60">
      <t>ケン</t>
    </rPh>
    <rPh sb="60" eb="61">
      <t>シャ</t>
    </rPh>
    <rPh sb="64" eb="65">
      <t>モト</t>
    </rPh>
    <rPh sb="70" eb="72">
      <t>バアイ</t>
    </rPh>
    <rPh sb="75" eb="76">
      <t>スミ</t>
    </rPh>
    <rPh sb="79" eb="81">
      <t>テイシュツ</t>
    </rPh>
    <phoneticPr fontId="1"/>
  </si>
  <si>
    <t>備考２　５①で前６月（前12月）の新規入所者の総数を用いる場合、②及び③については、当該前６月
　　　（前12月）の新規入所者の総数に占めるそれぞれの要件に該当する者の数を記載すること。</t>
    <rPh sb="0" eb="2">
      <t>ビコウ</t>
    </rPh>
    <rPh sb="7" eb="8">
      <t>ゼン</t>
    </rPh>
    <rPh sb="9" eb="10">
      <t>ガツ</t>
    </rPh>
    <rPh sb="11" eb="12">
      <t>ゼン</t>
    </rPh>
    <rPh sb="14" eb="15">
      <t>ツキ</t>
    </rPh>
    <rPh sb="17" eb="19">
      <t>シンキ</t>
    </rPh>
    <rPh sb="19" eb="22">
      <t>ニュウショシャ</t>
    </rPh>
    <rPh sb="23" eb="25">
      <t>ソウスウ</t>
    </rPh>
    <rPh sb="26" eb="27">
      <t>モチ</t>
    </rPh>
    <rPh sb="29" eb="31">
      <t>バアイ</t>
    </rPh>
    <rPh sb="33" eb="34">
      <t>オヨ</t>
    </rPh>
    <rPh sb="42" eb="44">
      <t>トウガイ</t>
    </rPh>
    <rPh sb="44" eb="45">
      <t>ゼン</t>
    </rPh>
    <rPh sb="46" eb="47">
      <t>ガツ</t>
    </rPh>
    <rPh sb="52" eb="53">
      <t>ゼン</t>
    </rPh>
    <rPh sb="55" eb="56">
      <t>ツキ</t>
    </rPh>
    <rPh sb="58" eb="60">
      <t>シンキ</t>
    </rPh>
    <rPh sb="60" eb="63">
      <t>ニュウショシャ</t>
    </rPh>
    <rPh sb="64" eb="66">
      <t>ソウスウ</t>
    </rPh>
    <rPh sb="67" eb="68">
      <t>シ</t>
    </rPh>
    <rPh sb="75" eb="77">
      <t>ヨウケン</t>
    </rPh>
    <rPh sb="78" eb="80">
      <t>ガイトウ</t>
    </rPh>
    <rPh sb="82" eb="83">
      <t>モノ</t>
    </rPh>
    <rPh sb="84" eb="85">
      <t>カズ</t>
    </rPh>
    <rPh sb="86" eb="88">
      <t>キサイ</t>
    </rPh>
    <phoneticPr fontId="1"/>
  </si>
  <si>
    <t>備考３　６②ⅰの委員会には、介護福祉士をはじめ実際にケア等を行う多職種の職員が参画すること。</t>
    <rPh sb="0" eb="2">
      <t>ビコウ</t>
    </rPh>
    <rPh sb="8" eb="11">
      <t>イインカイ</t>
    </rPh>
    <rPh sb="14" eb="16">
      <t>カイゴ</t>
    </rPh>
    <rPh sb="16" eb="19">
      <t>フクシシ</t>
    </rPh>
    <rPh sb="23" eb="25">
      <t>ジッサイ</t>
    </rPh>
    <rPh sb="28" eb="29">
      <t>トウ</t>
    </rPh>
    <rPh sb="30" eb="31">
      <t>オコナ</t>
    </rPh>
    <rPh sb="32" eb="33">
      <t>オオ</t>
    </rPh>
    <rPh sb="33" eb="35">
      <t>ショクシュ</t>
    </rPh>
    <rPh sb="36" eb="38">
      <t>ショクイン</t>
    </rPh>
    <rPh sb="39" eb="41">
      <t>サンカク</t>
    </rPh>
    <phoneticPr fontId="1"/>
  </si>
  <si>
    <t>月</t>
    <rPh sb="0" eb="1">
      <t>ツキ</t>
    </rPh>
    <phoneticPr fontId="1"/>
  </si>
  <si>
    <t>（別紙23）</t>
    <phoneticPr fontId="1"/>
  </si>
  <si>
    <t>（別紙38）</t>
    <rPh sb="1" eb="3">
      <t>ベッシ</t>
    </rPh>
    <phoneticPr fontId="1"/>
  </si>
  <si>
    <t>配置医師緊急時対応加算に係る届出書</t>
    <rPh sb="0" eb="2">
      <t>ハイチ</t>
    </rPh>
    <rPh sb="2" eb="4">
      <t>イシ</t>
    </rPh>
    <rPh sb="4" eb="7">
      <t>キンキュウジ</t>
    </rPh>
    <rPh sb="7" eb="9">
      <t>タイオウ</t>
    </rPh>
    <rPh sb="9" eb="11">
      <t>カサン</t>
    </rPh>
    <rPh sb="12" eb="13">
      <t>カカ</t>
    </rPh>
    <rPh sb="14" eb="17">
      <t>トドケデショ</t>
    </rPh>
    <phoneticPr fontId="1"/>
  </si>
  <si>
    <t xml:space="preserve"> 配置医師緊急時対応加算に関する届出内容</t>
    <rPh sb="1" eb="3">
      <t>ハイチ</t>
    </rPh>
    <rPh sb="3" eb="5">
      <t>イシ</t>
    </rPh>
    <rPh sb="5" eb="8">
      <t>キンキュウジ</t>
    </rPh>
    <rPh sb="8" eb="10">
      <t>タイオウ</t>
    </rPh>
    <rPh sb="10" eb="12">
      <t>カサン</t>
    </rPh>
    <rPh sb="13" eb="14">
      <t>カン</t>
    </rPh>
    <phoneticPr fontId="1"/>
  </si>
  <si>
    <t>配置医師名</t>
    <rPh sb="0" eb="2">
      <t>ハイチ</t>
    </rPh>
    <rPh sb="2" eb="4">
      <t>イシ</t>
    </rPh>
    <rPh sb="4" eb="5">
      <t>メイ</t>
    </rPh>
    <phoneticPr fontId="1"/>
  </si>
  <si>
    <t>連携する協力医療機関</t>
    <rPh sb="0" eb="2">
      <t>レンケイ</t>
    </rPh>
    <rPh sb="4" eb="6">
      <t>キョウリョク</t>
    </rPh>
    <rPh sb="6" eb="8">
      <t>イリョウ</t>
    </rPh>
    <rPh sb="8" eb="10">
      <t>キカン</t>
    </rPh>
    <phoneticPr fontId="1"/>
  </si>
  <si>
    <t>協力医療機関名</t>
    <rPh sb="0" eb="2">
      <t>キョウリョク</t>
    </rPh>
    <rPh sb="2" eb="4">
      <t>イリョウ</t>
    </rPh>
    <rPh sb="4" eb="6">
      <t>キカン</t>
    </rPh>
    <rPh sb="6" eb="7">
      <t>メイ</t>
    </rPh>
    <phoneticPr fontId="1"/>
  </si>
  <si>
    <t>医療機関コード</t>
    <phoneticPr fontId="1"/>
  </si>
  <si>
    <t>　①　看護体制加算（Ⅱ）を算定している。</t>
    <rPh sb="3" eb="5">
      <t>カンゴ</t>
    </rPh>
    <rPh sb="5" eb="7">
      <t>タイセイ</t>
    </rPh>
    <rPh sb="7" eb="9">
      <t>カサン</t>
    </rPh>
    <rPh sb="13" eb="15">
      <t>サンテイ</t>
    </rPh>
    <phoneticPr fontId="1"/>
  </si>
  <si>
    <t>　②　入所者に対する注意事項や病状等の情報共有並びに、曜
　　日や時間帯ごとの配置医師又は協力医療機関との連絡方法
　　や診察を依頼するタイミング等について、配置医師又は協
　　力医療機関と施設の間で具体的な取り決めがなされている。</t>
    <rPh sb="3" eb="6">
      <t>ニュウショシャ</t>
    </rPh>
    <rPh sb="7" eb="8">
      <t>タイ</t>
    </rPh>
    <rPh sb="10" eb="12">
      <t>チュウイ</t>
    </rPh>
    <rPh sb="12" eb="14">
      <t>ジコウ</t>
    </rPh>
    <rPh sb="15" eb="18">
      <t>ビョウジョウナド</t>
    </rPh>
    <rPh sb="19" eb="21">
      <t>ジョウホウ</t>
    </rPh>
    <rPh sb="21" eb="23">
      <t>キョウユウ</t>
    </rPh>
    <rPh sb="23" eb="24">
      <t>ナラ</t>
    </rPh>
    <rPh sb="33" eb="35">
      <t>ジカン</t>
    </rPh>
    <rPh sb="35" eb="36">
      <t>オビ</t>
    </rPh>
    <rPh sb="39" eb="41">
      <t>ハイチ</t>
    </rPh>
    <rPh sb="41" eb="43">
      <t>イシ</t>
    </rPh>
    <rPh sb="43" eb="44">
      <t>マタ</t>
    </rPh>
    <rPh sb="45" eb="47">
      <t>キョウリョク</t>
    </rPh>
    <rPh sb="47" eb="49">
      <t>イリョウ</t>
    </rPh>
    <rPh sb="49" eb="51">
      <t>キカン</t>
    </rPh>
    <rPh sb="53" eb="55">
      <t>レンラク</t>
    </rPh>
    <rPh sb="55" eb="57">
      <t>ホウホウ</t>
    </rPh>
    <rPh sb="61" eb="63">
      <t>シンサツ</t>
    </rPh>
    <rPh sb="64" eb="66">
      <t>イライ</t>
    </rPh>
    <rPh sb="73" eb="74">
      <t>ナド</t>
    </rPh>
    <rPh sb="79" eb="81">
      <t>ハイチ</t>
    </rPh>
    <rPh sb="81" eb="83">
      <t>イシ</t>
    </rPh>
    <rPh sb="83" eb="84">
      <t>マタ</t>
    </rPh>
    <rPh sb="90" eb="92">
      <t>イリョウ</t>
    </rPh>
    <rPh sb="92" eb="94">
      <t>キカン</t>
    </rPh>
    <rPh sb="95" eb="97">
      <t>シセツ</t>
    </rPh>
    <rPh sb="98" eb="99">
      <t>アイダ</t>
    </rPh>
    <rPh sb="100" eb="103">
      <t>グタイテキ</t>
    </rPh>
    <rPh sb="104" eb="105">
      <t>ト</t>
    </rPh>
    <rPh sb="106" eb="107">
      <t>キ</t>
    </rPh>
    <phoneticPr fontId="1"/>
  </si>
  <si>
    <t>　③　複数名の配置医師を置いている、若しくは配置医と協力
　　医療機関の医師が連携し、施設の求めに応じて24時間対応
　　できる体制を確保している。</t>
    <rPh sb="3" eb="5">
      <t>フクスウ</t>
    </rPh>
    <rPh sb="5" eb="6">
      <t>メイ</t>
    </rPh>
    <rPh sb="7" eb="9">
      <t>ハイチ</t>
    </rPh>
    <rPh sb="9" eb="11">
      <t>イシ</t>
    </rPh>
    <rPh sb="12" eb="13">
      <t>オ</t>
    </rPh>
    <rPh sb="18" eb="19">
      <t>モ</t>
    </rPh>
    <rPh sb="22" eb="24">
      <t>ハイチ</t>
    </rPh>
    <rPh sb="24" eb="25">
      <t>イ</t>
    </rPh>
    <rPh sb="26" eb="28">
      <t>キョウリョク</t>
    </rPh>
    <rPh sb="31" eb="33">
      <t>イリョウ</t>
    </rPh>
    <rPh sb="33" eb="35">
      <t>キカン</t>
    </rPh>
    <rPh sb="36" eb="38">
      <t>イシ</t>
    </rPh>
    <rPh sb="39" eb="41">
      <t>レンケイ</t>
    </rPh>
    <rPh sb="43" eb="45">
      <t>シセツ</t>
    </rPh>
    <rPh sb="46" eb="47">
      <t>モト</t>
    </rPh>
    <rPh sb="49" eb="50">
      <t>オウ</t>
    </rPh>
    <rPh sb="56" eb="58">
      <t>タイオウ</t>
    </rPh>
    <rPh sb="64" eb="66">
      <t>タイセイ</t>
    </rPh>
    <rPh sb="67" eb="69">
      <t>カクホ</t>
    </rPh>
    <phoneticPr fontId="1"/>
  </si>
  <si>
    <t>　④　②及び③の内容について届出を行っている。</t>
    <rPh sb="4" eb="5">
      <t>オヨ</t>
    </rPh>
    <rPh sb="8" eb="10">
      <t>ナイヨウ</t>
    </rPh>
    <rPh sb="14" eb="16">
      <t>トドケデ</t>
    </rPh>
    <rPh sb="17" eb="18">
      <t>オコナ</t>
    </rPh>
    <phoneticPr fontId="1"/>
  </si>
  <si>
    <t>備考１　配置医師については、「特別養護老人ホーム等における療養の給付の取扱いについ
　　　て」（平成18年３月31日保医発0331002）別紙様式「特別養護老人ホーム等の施設の
　　　状況及び配置医師等について」に記載された配置医師を記載してください。
備考２　各要件を満たす場合については、それぞれ根拠となる（要件を満たすことがわかる）
         書類も提出してください。　　</t>
    <rPh sb="0" eb="2">
      <t>ビコウ</t>
    </rPh>
    <rPh sb="4" eb="6">
      <t>ハイチ</t>
    </rPh>
    <rPh sb="6" eb="8">
      <t>イシ</t>
    </rPh>
    <rPh sb="15" eb="17">
      <t>トクベツ</t>
    </rPh>
    <rPh sb="17" eb="19">
      <t>ヨウゴ</t>
    </rPh>
    <rPh sb="19" eb="21">
      <t>ロウジン</t>
    </rPh>
    <rPh sb="24" eb="25">
      <t>ナド</t>
    </rPh>
    <rPh sb="29" eb="31">
      <t>リョウヨウ</t>
    </rPh>
    <rPh sb="32" eb="34">
      <t>キュウフ</t>
    </rPh>
    <rPh sb="35" eb="37">
      <t>トリアツカイ</t>
    </rPh>
    <rPh sb="48" eb="50">
      <t>ヘイセイ</t>
    </rPh>
    <rPh sb="52" eb="53">
      <t>ネン</t>
    </rPh>
    <rPh sb="54" eb="55">
      <t>ガツ</t>
    </rPh>
    <rPh sb="57" eb="58">
      <t>ニチ</t>
    </rPh>
    <rPh sb="58" eb="59">
      <t>ホ</t>
    </rPh>
    <rPh sb="59" eb="60">
      <t>イ</t>
    </rPh>
    <rPh sb="60" eb="61">
      <t>ハツ</t>
    </rPh>
    <rPh sb="69" eb="71">
      <t>ベッシ</t>
    </rPh>
    <rPh sb="71" eb="73">
      <t>ヨウシキ</t>
    </rPh>
    <rPh sb="74" eb="76">
      <t>トクベツ</t>
    </rPh>
    <rPh sb="76" eb="78">
      <t>ヨウゴ</t>
    </rPh>
    <rPh sb="78" eb="80">
      <t>ロウジン</t>
    </rPh>
    <rPh sb="83" eb="84">
      <t>ナド</t>
    </rPh>
    <rPh sb="85" eb="87">
      <t>シセツ</t>
    </rPh>
    <rPh sb="92" eb="94">
      <t>ジョウキョウ</t>
    </rPh>
    <rPh sb="94" eb="95">
      <t>オヨ</t>
    </rPh>
    <rPh sb="96" eb="98">
      <t>ハイチ</t>
    </rPh>
    <rPh sb="98" eb="100">
      <t>イシ</t>
    </rPh>
    <rPh sb="100" eb="101">
      <t>トウ</t>
    </rPh>
    <rPh sb="107" eb="109">
      <t>キサイ</t>
    </rPh>
    <rPh sb="112" eb="114">
      <t>ハイチ</t>
    </rPh>
    <rPh sb="114" eb="116">
      <t>イシ</t>
    </rPh>
    <rPh sb="117" eb="119">
      <t>キサイ</t>
    </rPh>
    <rPh sb="127" eb="129">
      <t>ビコウ</t>
    </rPh>
    <phoneticPr fontId="1"/>
  </si>
  <si>
    <t>テクノロジーの導入による夜勤職員配置加算に係る届出書</t>
    <rPh sb="7" eb="9">
      <t>ドウニュウ</t>
    </rPh>
    <rPh sb="12" eb="14">
      <t>ヤキン</t>
    </rPh>
    <rPh sb="14" eb="16">
      <t>ショクイン</t>
    </rPh>
    <rPh sb="16" eb="18">
      <t>ハイチ</t>
    </rPh>
    <rPh sb="18" eb="20">
      <t>カサン</t>
    </rPh>
    <rPh sb="21" eb="22">
      <t>カカ</t>
    </rPh>
    <rPh sb="23" eb="26">
      <t>トドケデショ</t>
    </rPh>
    <phoneticPr fontId="1"/>
  </si>
  <si>
    <t>3　短期入所生活介護</t>
    <phoneticPr fontId="1"/>
  </si>
  <si>
    <t>以下について、該当する届出項目における必要事項を記載すること。</t>
    <rPh sb="0" eb="2">
      <t>イカ</t>
    </rPh>
    <rPh sb="7" eb="9">
      <t>ガイトウ</t>
    </rPh>
    <rPh sb="11" eb="12">
      <t>トド</t>
    </rPh>
    <rPh sb="12" eb="13">
      <t>デ</t>
    </rPh>
    <rPh sb="13" eb="15">
      <t>コウモク</t>
    </rPh>
    <rPh sb="19" eb="21">
      <t>ヒツヨウ</t>
    </rPh>
    <rPh sb="21" eb="23">
      <t>ジコウ</t>
    </rPh>
    <rPh sb="24" eb="26">
      <t>キサイ</t>
    </rPh>
    <phoneticPr fontId="1"/>
  </si>
  <si>
    <t>配置要件①　最低基準に加えて配置する人員が「0.9人配置」</t>
    <rPh sb="0" eb="2">
      <t>ハイチ</t>
    </rPh>
    <rPh sb="2" eb="4">
      <t>ヨウケン</t>
    </rPh>
    <rPh sb="6" eb="8">
      <t>サイテイ</t>
    </rPh>
    <rPh sb="8" eb="10">
      <t>キジュン</t>
    </rPh>
    <rPh sb="11" eb="12">
      <t>クワ</t>
    </rPh>
    <rPh sb="14" eb="16">
      <t>ハイチ</t>
    </rPh>
    <rPh sb="18" eb="20">
      <t>ジンイン</t>
    </rPh>
    <rPh sb="25" eb="26">
      <t>ニン</t>
    </rPh>
    <rPh sb="26" eb="28">
      <t>ハイチ</t>
    </rPh>
    <phoneticPr fontId="1"/>
  </si>
  <si>
    <t>① 入所（利用）者数</t>
    <rPh sb="2" eb="4">
      <t>ニュウショ</t>
    </rPh>
    <rPh sb="5" eb="7">
      <t>リヨウ</t>
    </rPh>
    <rPh sb="8" eb="9">
      <t>シャ</t>
    </rPh>
    <rPh sb="9" eb="10">
      <t>スウ</t>
    </rPh>
    <phoneticPr fontId="1"/>
  </si>
  <si>
    <t>② 見守り機器を導入して見守りを行っている対象者数</t>
    <rPh sb="2" eb="4">
      <t>ミマモ</t>
    </rPh>
    <rPh sb="5" eb="7">
      <t>キキ</t>
    </rPh>
    <rPh sb="8" eb="10">
      <t>ドウニュウ</t>
    </rPh>
    <rPh sb="12" eb="14">
      <t>ミマモ</t>
    </rPh>
    <rPh sb="16" eb="17">
      <t>オコナ</t>
    </rPh>
    <rPh sb="21" eb="24">
      <t>タイショウシャ</t>
    </rPh>
    <rPh sb="24" eb="25">
      <t>スウ</t>
    </rPh>
    <phoneticPr fontId="1"/>
  </si>
  <si>
    <t>③ ①に占める②の割合</t>
    <rPh sb="4" eb="5">
      <t>シ</t>
    </rPh>
    <rPh sb="9" eb="11">
      <t>ワリアイ</t>
    </rPh>
    <phoneticPr fontId="1"/>
  </si>
  <si>
    <t>→　</t>
    <phoneticPr fontId="1"/>
  </si>
  <si>
    <t>④ 導入機器</t>
    <rPh sb="2" eb="4">
      <t>ドウニュウ</t>
    </rPh>
    <rPh sb="4" eb="6">
      <t>キキ</t>
    </rPh>
    <phoneticPr fontId="1"/>
  </si>
  <si>
    <t>⑤ 導入機器の継続的な使用（９週間以上）</t>
    <rPh sb="7" eb="9">
      <t>ケイゾク</t>
    </rPh>
    <rPh sb="9" eb="10">
      <t>テキ</t>
    </rPh>
    <rPh sb="11" eb="13">
      <t>シヨウ</t>
    </rPh>
    <rPh sb="15" eb="17">
      <t>シュウカン</t>
    </rPh>
    <rPh sb="17" eb="19">
      <t>イジョウ</t>
    </rPh>
    <phoneticPr fontId="1"/>
  </si>
  <si>
    <t>⑥ 導入機器を安全かつ有効に活用するための委員会における、ヒヤリハット・
   介護事故が減少していることの確認、必要な分析・検討等</t>
    <phoneticPr fontId="1"/>
  </si>
  <si>
    <t>配置要件②　最低基準に加えて配置する人員が「0.6人配置」</t>
    <rPh sb="0" eb="2">
      <t>ハイチ</t>
    </rPh>
    <rPh sb="2" eb="4">
      <t>ヨウケン</t>
    </rPh>
    <rPh sb="6" eb="8">
      <t>サイテイ</t>
    </rPh>
    <rPh sb="8" eb="10">
      <t>キジュン</t>
    </rPh>
    <rPh sb="11" eb="12">
      <t>クワ</t>
    </rPh>
    <rPh sb="14" eb="16">
      <t>ハイチ</t>
    </rPh>
    <rPh sb="18" eb="20">
      <t>ジンイン</t>
    </rPh>
    <rPh sb="25" eb="26">
      <t>ニン</t>
    </rPh>
    <rPh sb="26" eb="28">
      <t>ハイチ</t>
    </rPh>
    <phoneticPr fontId="1"/>
  </si>
  <si>
    <t>ⅰ 利用者の安全やケアの質の確保、職員の負担を軽減するための委員会の設置</t>
    <rPh sb="2" eb="5">
      <t>リヨウシャ</t>
    </rPh>
    <rPh sb="6" eb="8">
      <t>アンゼン</t>
    </rPh>
    <rPh sb="12" eb="13">
      <t>シツ</t>
    </rPh>
    <rPh sb="14" eb="16">
      <t>カクホ</t>
    </rPh>
    <rPh sb="17" eb="19">
      <t>ショクイン</t>
    </rPh>
    <rPh sb="20" eb="22">
      <t>フタン</t>
    </rPh>
    <rPh sb="23" eb="25">
      <t>ケイゲン</t>
    </rPh>
    <rPh sb="30" eb="33">
      <t>イインカイ</t>
    </rPh>
    <rPh sb="34" eb="36">
      <t>セッチ</t>
    </rPh>
    <phoneticPr fontId="1"/>
  </si>
  <si>
    <t>ⅲ 機器の不具合の定期チェックの実施（メーカーとの連携を含む）</t>
    <rPh sb="2" eb="4">
      <t>キキ</t>
    </rPh>
    <rPh sb="5" eb="8">
      <t>フグアイ</t>
    </rPh>
    <rPh sb="9" eb="11">
      <t>テイキ</t>
    </rPh>
    <rPh sb="16" eb="18">
      <t>ジッシ</t>
    </rPh>
    <rPh sb="25" eb="27">
      <t>レンケイ</t>
    </rPh>
    <rPh sb="28" eb="29">
      <t>フク</t>
    </rPh>
    <phoneticPr fontId="1"/>
  </si>
  <si>
    <t>ⅳ 職員に対するテクノロジー活用に関する教育の実施</t>
    <rPh sb="2" eb="4">
      <t>ショクイン</t>
    </rPh>
    <rPh sb="5" eb="6">
      <t>タイ</t>
    </rPh>
    <rPh sb="14" eb="16">
      <t>カツヨウ</t>
    </rPh>
    <rPh sb="17" eb="18">
      <t>カン</t>
    </rPh>
    <rPh sb="20" eb="22">
      <t>キョウイク</t>
    </rPh>
    <rPh sb="23" eb="25">
      <t>ジッシ</t>
    </rPh>
    <phoneticPr fontId="1"/>
  </si>
  <si>
    <t>ⅴ 夜間の訪室が必要な利用者に対する訪室の個別実施</t>
    <rPh sb="2" eb="4">
      <t>ヤカン</t>
    </rPh>
    <rPh sb="5" eb="7">
      <t>ホウシツ</t>
    </rPh>
    <rPh sb="8" eb="10">
      <t>ヒツヨウ</t>
    </rPh>
    <rPh sb="11" eb="14">
      <t>リヨウシャ</t>
    </rPh>
    <rPh sb="15" eb="16">
      <t>タイ</t>
    </rPh>
    <rPh sb="18" eb="20">
      <t>ホウシツ</t>
    </rPh>
    <rPh sb="21" eb="23">
      <t>コベツ</t>
    </rPh>
    <rPh sb="23" eb="25">
      <t>ジッシ</t>
    </rPh>
    <phoneticPr fontId="1"/>
  </si>
  <si>
    <t>備考１　配置要件②については、要件を満たすことが分かる議事概要を提出すること。このほか要件を満たすことが分かる</t>
    <rPh sb="0" eb="2">
      <t>ビコウ</t>
    </rPh>
    <rPh sb="4" eb="6">
      <t>ハイチ</t>
    </rPh>
    <rPh sb="6" eb="8">
      <t>ヨウケン</t>
    </rPh>
    <rPh sb="15" eb="17">
      <t>ヨウケン</t>
    </rPh>
    <rPh sb="18" eb="19">
      <t>ミ</t>
    </rPh>
    <rPh sb="24" eb="25">
      <t>ワ</t>
    </rPh>
    <rPh sb="27" eb="29">
      <t>ギジ</t>
    </rPh>
    <rPh sb="29" eb="31">
      <t>ガイヨウ</t>
    </rPh>
    <rPh sb="32" eb="34">
      <t>テイシュツ</t>
    </rPh>
    <rPh sb="43" eb="45">
      <t>ヨウケン</t>
    </rPh>
    <rPh sb="46" eb="47">
      <t>ミ</t>
    </rPh>
    <rPh sb="52" eb="53">
      <t>ワ</t>
    </rPh>
    <phoneticPr fontId="1"/>
  </si>
  <si>
    <t>　　　根拠書類を準備し、指定権者からの求めがあった場合には、速やかに提出すること。</t>
    <phoneticPr fontId="1"/>
  </si>
  <si>
    <t>備考２　配置要件②の④ⅰの委員会には、夜勤職員をはじめ実際にケア等を行う多職種の職員が参画すること。</t>
    <rPh sb="0" eb="2">
      <t>ビコウ</t>
    </rPh>
    <rPh sb="4" eb="6">
      <t>ハイチ</t>
    </rPh>
    <rPh sb="6" eb="8">
      <t>ヨウケン</t>
    </rPh>
    <rPh sb="13" eb="16">
      <t>イインカイ</t>
    </rPh>
    <rPh sb="19" eb="21">
      <t>ヤキン</t>
    </rPh>
    <rPh sb="21" eb="23">
      <t>ショクイン</t>
    </rPh>
    <rPh sb="27" eb="29">
      <t>ジッサイ</t>
    </rPh>
    <rPh sb="32" eb="33">
      <t>トウ</t>
    </rPh>
    <rPh sb="34" eb="35">
      <t>オコナ</t>
    </rPh>
    <rPh sb="36" eb="39">
      <t>タショクシュ</t>
    </rPh>
    <rPh sb="40" eb="42">
      <t>ショクイン</t>
    </rPh>
    <rPh sb="43" eb="45">
      <t>サンカク</t>
    </rPh>
    <phoneticPr fontId="1"/>
  </si>
  <si>
    <t>備考３　テクノロジーを導入した場合の介護老人福祉施設の夜間の人員配置基準（従来型）を適用する場合は、当該加算の</t>
    <rPh sb="0" eb="2">
      <t>ビコウ</t>
    </rPh>
    <rPh sb="11" eb="13">
      <t>ドウニュウ</t>
    </rPh>
    <rPh sb="15" eb="17">
      <t>バアイ</t>
    </rPh>
    <rPh sb="18" eb="20">
      <t>カイゴ</t>
    </rPh>
    <rPh sb="20" eb="22">
      <t>ロウジン</t>
    </rPh>
    <rPh sb="22" eb="24">
      <t>フクシ</t>
    </rPh>
    <rPh sb="24" eb="26">
      <t>シセツ</t>
    </rPh>
    <rPh sb="27" eb="29">
      <t>ヤカン</t>
    </rPh>
    <rPh sb="30" eb="32">
      <t>ジンイン</t>
    </rPh>
    <rPh sb="32" eb="34">
      <t>ハイチ</t>
    </rPh>
    <rPh sb="34" eb="36">
      <t>キジュン</t>
    </rPh>
    <rPh sb="37" eb="40">
      <t>ジュウライガタ</t>
    </rPh>
    <rPh sb="42" eb="44">
      <t>テキヨウ</t>
    </rPh>
    <rPh sb="46" eb="48">
      <t>バアイ</t>
    </rPh>
    <rPh sb="50" eb="52">
      <t>トウガイ</t>
    </rPh>
    <rPh sb="52" eb="54">
      <t>カサン</t>
    </rPh>
    <phoneticPr fontId="1"/>
  </si>
  <si>
    <t>　　　職員に対しても情報共有できるよう、議事概要を作成して職員全体に周知すること。</t>
    <rPh sb="3" eb="5">
      <t>ショクイン</t>
    </rPh>
    <rPh sb="6" eb="7">
      <t>タイ</t>
    </rPh>
    <rPh sb="10" eb="12">
      <t>ジョウホウ</t>
    </rPh>
    <rPh sb="12" eb="14">
      <t>キョウユウ</t>
    </rPh>
    <rPh sb="20" eb="22">
      <t>ギジ</t>
    </rPh>
    <rPh sb="22" eb="24">
      <t>ガイヨウ</t>
    </rPh>
    <rPh sb="25" eb="27">
      <t>サクセイ</t>
    </rPh>
    <rPh sb="29" eb="31">
      <t>ショクイン</t>
    </rPh>
    <rPh sb="31" eb="33">
      <t>ゼンタイ</t>
    </rPh>
    <rPh sb="34" eb="36">
      <t>シュウチ</t>
    </rPh>
    <phoneticPr fontId="1"/>
  </si>
  <si>
    <t>　配置要件②の「0.6人配置」を「0.8人配置」に読み替えるものとする。</t>
    <rPh sb="1" eb="3">
      <t>ハイチ</t>
    </rPh>
    <rPh sb="3" eb="5">
      <t>ヨウケン</t>
    </rPh>
    <rPh sb="11" eb="12">
      <t>ニン</t>
    </rPh>
    <rPh sb="12" eb="14">
      <t>ハイチ</t>
    </rPh>
    <rPh sb="20" eb="21">
      <t>ニン</t>
    </rPh>
    <rPh sb="21" eb="23">
      <t>ハイチ</t>
    </rPh>
    <rPh sb="25" eb="26">
      <t>ヨ</t>
    </rPh>
    <rPh sb="27" eb="28">
      <t>カ</t>
    </rPh>
    <phoneticPr fontId="1"/>
  </si>
  <si>
    <t>１　介護老人福祉施設</t>
    <phoneticPr fontId="1"/>
  </si>
  <si>
    <t>２　地域密着型介護老人福祉施設入所者生活介護</t>
    <rPh sb="2" eb="4">
      <t>チイキ</t>
    </rPh>
    <rPh sb="4" eb="7">
      <t>ミッチャクガタ</t>
    </rPh>
    <rPh sb="7" eb="9">
      <t>カイゴ</t>
    </rPh>
    <rPh sb="9" eb="11">
      <t>ロウジン</t>
    </rPh>
    <rPh sb="11" eb="13">
      <t>フクシ</t>
    </rPh>
    <rPh sb="13" eb="15">
      <t>シセツ</t>
    </rPh>
    <rPh sb="15" eb="18">
      <t>ニュウショシャ</t>
    </rPh>
    <rPh sb="18" eb="20">
      <t>セイカツ</t>
    </rPh>
    <rPh sb="20" eb="22">
      <t>カイゴ</t>
    </rPh>
    <phoneticPr fontId="1"/>
  </si>
  <si>
    <t>３　介護老人保健施設</t>
    <phoneticPr fontId="1"/>
  </si>
  <si>
    <t>４　看護小規模多機能型居宅介護</t>
    <phoneticPr fontId="1"/>
  </si>
  <si>
    <t>褥瘡マネジメントの状況</t>
    <rPh sb="0" eb="2">
      <t>ジョクソウ</t>
    </rPh>
    <rPh sb="9" eb="11">
      <t>ジョウキョウ</t>
    </rPh>
    <phoneticPr fontId="1"/>
  </si>
  <si>
    <t>褥瘡マネジメントに関わる者</t>
    <rPh sb="0" eb="2">
      <t>ジョクソウ</t>
    </rPh>
    <rPh sb="9" eb="10">
      <t>カカ</t>
    </rPh>
    <rPh sb="12" eb="13">
      <t>モノ</t>
    </rPh>
    <phoneticPr fontId="1"/>
  </si>
  <si>
    <t>看　護　師</t>
    <phoneticPr fontId="1"/>
  </si>
  <si>
    <t>管 理 栄 養 士</t>
    <phoneticPr fontId="1"/>
  </si>
  <si>
    <t>有・無</t>
    <rPh sb="0" eb="1">
      <t>ウ</t>
    </rPh>
    <rPh sb="2" eb="3">
      <t>ム</t>
    </rPh>
    <phoneticPr fontId="1"/>
  </si>
  <si>
    <t>認知症専門ケア加算に係る届出書</t>
    <rPh sb="0" eb="3">
      <t>ニンチショウ</t>
    </rPh>
    <rPh sb="3" eb="5">
      <t>センモン</t>
    </rPh>
    <rPh sb="7" eb="9">
      <t>カサン</t>
    </rPh>
    <rPh sb="10" eb="11">
      <t>カカ</t>
    </rPh>
    <rPh sb="12" eb="15">
      <t>トドケデショ</t>
    </rPh>
    <phoneticPr fontId="1"/>
  </si>
  <si>
    <t>（訪問介護、（介護予防）訪問入浴介護、定期巡回・随時対応型訪問介護看護、夜間対応型訪問介護）</t>
    <rPh sb="1" eb="3">
      <t>ホウモン</t>
    </rPh>
    <rPh sb="3" eb="5">
      <t>カイゴ</t>
    </rPh>
    <rPh sb="7" eb="9">
      <t>カイゴ</t>
    </rPh>
    <rPh sb="9" eb="11">
      <t>ヨボウ</t>
    </rPh>
    <rPh sb="12" eb="14">
      <t>ホウモン</t>
    </rPh>
    <rPh sb="14" eb="16">
      <t>ニュウヨク</t>
    </rPh>
    <rPh sb="16" eb="18">
      <t>カイゴ</t>
    </rPh>
    <rPh sb="19" eb="21">
      <t>テイキ</t>
    </rPh>
    <rPh sb="21" eb="23">
      <t>ジュンカイ</t>
    </rPh>
    <rPh sb="24" eb="26">
      <t>ズイジ</t>
    </rPh>
    <rPh sb="26" eb="29">
      <t>タイオウガタ</t>
    </rPh>
    <rPh sb="29" eb="31">
      <t>ホウモン</t>
    </rPh>
    <rPh sb="31" eb="33">
      <t>カイゴ</t>
    </rPh>
    <rPh sb="33" eb="35">
      <t>カンゴ</t>
    </rPh>
    <rPh sb="36" eb="38">
      <t>ヤカン</t>
    </rPh>
    <rPh sb="38" eb="41">
      <t>タイオウガタ</t>
    </rPh>
    <rPh sb="41" eb="43">
      <t>ホウモン</t>
    </rPh>
    <rPh sb="43" eb="45">
      <t>カイゴ</t>
    </rPh>
    <phoneticPr fontId="1"/>
  </si>
  <si>
    <t>１　新規</t>
    <phoneticPr fontId="1"/>
  </si>
  <si>
    <t>２　変更</t>
    <phoneticPr fontId="1"/>
  </si>
  <si>
    <t>３　終了</t>
    <phoneticPr fontId="1"/>
  </si>
  <si>
    <t>施 設 種 別</t>
    <rPh sb="0" eb="1">
      <t>セ</t>
    </rPh>
    <rPh sb="2" eb="3">
      <t>セツ</t>
    </rPh>
    <rPh sb="4" eb="5">
      <t>シュ</t>
    </rPh>
    <rPh sb="6" eb="7">
      <t>ベツ</t>
    </rPh>
    <phoneticPr fontId="1"/>
  </si>
  <si>
    <t>１　訪問介護</t>
    <phoneticPr fontId="1"/>
  </si>
  <si>
    <t>２（介護予防）訪問入浴介護　</t>
  </si>
  <si>
    <t>３　定期巡回・随時対応型訪問介護看護</t>
    <phoneticPr fontId="1"/>
  </si>
  <si>
    <t>４　夜間対応型訪問介護　</t>
    <phoneticPr fontId="1"/>
  </si>
  <si>
    <t>１　認知症専門ケア加算（Ⅰ）　　　</t>
    <phoneticPr fontId="1"/>
  </si>
  <si>
    <t>２　認知症専門ケア加算（Ⅱ）</t>
  </si>
  <si>
    <t>１．認知症専門ケア加算（Ⅰ）に係る届出内容</t>
    <rPh sb="15" eb="16">
      <t>カカ</t>
    </rPh>
    <rPh sb="17" eb="18">
      <t>トド</t>
    </rPh>
    <rPh sb="18" eb="19">
      <t>デ</t>
    </rPh>
    <rPh sb="19" eb="21">
      <t>ナイヨウ</t>
    </rPh>
    <phoneticPr fontId="1"/>
  </si>
  <si>
    <t>(1)</t>
    <phoneticPr fontId="1"/>
  </si>
  <si>
    <t>の割合が50％以上である</t>
  </si>
  <si>
    <t>①　利用者の総数　注</t>
    <rPh sb="2" eb="5">
      <t>リヨウシャ</t>
    </rPh>
    <rPh sb="6" eb="8">
      <t>ソウスウ</t>
    </rPh>
    <rPh sb="7" eb="8">
      <t>スウ</t>
    </rPh>
    <rPh sb="9" eb="10">
      <t>チュウ</t>
    </rPh>
    <phoneticPr fontId="1"/>
  </si>
  <si>
    <t>人</t>
    <rPh sb="0" eb="1">
      <t>ヒト</t>
    </rPh>
    <phoneticPr fontId="1"/>
  </si>
  <si>
    <t>③　②÷①×100</t>
    <phoneticPr fontId="1"/>
  </si>
  <si>
    <t>注　届出日の属する月の前３月間の利用実人員数又は利用延べ人数の平均で算定。</t>
    <rPh sb="14" eb="15">
      <t>カン</t>
    </rPh>
    <phoneticPr fontId="1"/>
  </si>
  <si>
    <t>(2)</t>
    <phoneticPr fontId="1"/>
  </si>
  <si>
    <t>Ⅳ又はMに該当する者の数に応じて必要数以上配置し、チームとして専門的な</t>
    <phoneticPr fontId="1"/>
  </si>
  <si>
    <t>認知症ケアを実施している</t>
    <rPh sb="0" eb="3">
      <t>ニンチショウ</t>
    </rPh>
    <rPh sb="6" eb="8">
      <t>ジッシ</t>
    </rPh>
    <phoneticPr fontId="1"/>
  </si>
  <si>
    <t>認知症介護に係る専門的な研修を修了している者の数</t>
    <rPh sb="0" eb="3">
      <t>ニンチショウ</t>
    </rPh>
    <rPh sb="3" eb="5">
      <t>カイゴ</t>
    </rPh>
    <rPh sb="6" eb="7">
      <t>カカ</t>
    </rPh>
    <rPh sb="8" eb="11">
      <t>センモンテキ</t>
    </rPh>
    <rPh sb="12" eb="14">
      <t>ケンシュウ</t>
    </rPh>
    <rPh sb="15" eb="17">
      <t>シュウリョウ</t>
    </rPh>
    <rPh sb="21" eb="22">
      <t>シャ</t>
    </rPh>
    <rPh sb="23" eb="24">
      <t>カズ</t>
    </rPh>
    <phoneticPr fontId="1"/>
  </si>
  <si>
    <t>【参考】</t>
    <rPh sb="1" eb="3">
      <t>サンコウ</t>
    </rPh>
    <phoneticPr fontId="1"/>
  </si>
  <si>
    <t>研修修了者の必要数</t>
    <rPh sb="0" eb="2">
      <t>ケンシュウ</t>
    </rPh>
    <rPh sb="2" eb="5">
      <t>シュウリョウシャ</t>
    </rPh>
    <rPh sb="6" eb="9">
      <t>ヒツヨウスウ</t>
    </rPh>
    <phoneticPr fontId="1"/>
  </si>
  <si>
    <t>20人未満</t>
    <rPh sb="2" eb="3">
      <t>ニン</t>
    </rPh>
    <rPh sb="3" eb="5">
      <t>ミマン</t>
    </rPh>
    <phoneticPr fontId="1"/>
  </si>
  <si>
    <t>１以上</t>
    <rPh sb="1" eb="3">
      <t>イジョウ</t>
    </rPh>
    <phoneticPr fontId="1"/>
  </si>
  <si>
    <t>20以上30未満</t>
    <rPh sb="2" eb="4">
      <t>イジョウ</t>
    </rPh>
    <rPh sb="6" eb="8">
      <t>ミマン</t>
    </rPh>
    <phoneticPr fontId="1"/>
  </si>
  <si>
    <t>２以上</t>
    <rPh sb="1" eb="3">
      <t>イジョウ</t>
    </rPh>
    <phoneticPr fontId="1"/>
  </si>
  <si>
    <t>30以上40未満</t>
    <rPh sb="2" eb="4">
      <t>イジョウ</t>
    </rPh>
    <rPh sb="6" eb="8">
      <t>ミマン</t>
    </rPh>
    <phoneticPr fontId="1"/>
  </si>
  <si>
    <t>40以上50未満</t>
    <rPh sb="2" eb="4">
      <t>イジョウ</t>
    </rPh>
    <rPh sb="6" eb="8">
      <t>ミマン</t>
    </rPh>
    <phoneticPr fontId="1"/>
  </si>
  <si>
    <t>４以上</t>
    <rPh sb="1" eb="3">
      <t>イジョウ</t>
    </rPh>
    <phoneticPr fontId="1"/>
  </si>
  <si>
    <t>50以上60未満</t>
    <rPh sb="2" eb="4">
      <t>イジョウ</t>
    </rPh>
    <rPh sb="6" eb="8">
      <t>ミマン</t>
    </rPh>
    <phoneticPr fontId="1"/>
  </si>
  <si>
    <t>60以上70未満</t>
    <rPh sb="2" eb="4">
      <t>イジョウ</t>
    </rPh>
    <rPh sb="6" eb="8">
      <t>ミマン</t>
    </rPh>
    <phoneticPr fontId="1"/>
  </si>
  <si>
    <t>６以上</t>
    <rPh sb="1" eb="3">
      <t>イジョウ</t>
    </rPh>
    <phoneticPr fontId="1"/>
  </si>
  <si>
    <t>～</t>
    <phoneticPr fontId="1"/>
  </si>
  <si>
    <t>(3)</t>
    <phoneticPr fontId="1"/>
  </si>
  <si>
    <t>従業者に対して、認知症ケアに関する留意事項の伝達又は技術的指導に係る会議を</t>
    <phoneticPr fontId="1"/>
  </si>
  <si>
    <t>定期的に開催している</t>
    <phoneticPr fontId="1"/>
  </si>
  <si>
    <t>２．認知症専門ケア加算（Ⅱ）に係る届出内容</t>
    <rPh sb="15" eb="16">
      <t>カカ</t>
    </rPh>
    <rPh sb="17" eb="18">
      <t>トド</t>
    </rPh>
    <rPh sb="18" eb="19">
      <t>デ</t>
    </rPh>
    <rPh sb="19" eb="21">
      <t>ナイヨウ</t>
    </rPh>
    <phoneticPr fontId="1"/>
  </si>
  <si>
    <t>利用者の総数のうち、日常生活自立度のランクⅢ、Ⅳ又はＭに該当する者</t>
    <rPh sb="14" eb="17">
      <t>ジリツド</t>
    </rPh>
    <rPh sb="24" eb="25">
      <t>マタ</t>
    </rPh>
    <rPh sb="28" eb="30">
      <t>ガイトウ</t>
    </rPh>
    <rPh sb="32" eb="33">
      <t>シャ</t>
    </rPh>
    <phoneticPr fontId="1"/>
  </si>
  <si>
    <t>②　日常生活自立度のランクⅢ、Ⅳ又はＭに該当する者の数　注</t>
    <rPh sb="2" eb="4">
      <t>ニチジョウ</t>
    </rPh>
    <rPh sb="4" eb="6">
      <t>セイカツ</t>
    </rPh>
    <rPh sb="6" eb="9">
      <t>ジリツド</t>
    </rPh>
    <rPh sb="16" eb="17">
      <t>マタ</t>
    </rPh>
    <rPh sb="20" eb="22">
      <t>ガイトウ</t>
    </rPh>
    <rPh sb="24" eb="25">
      <t>モノ</t>
    </rPh>
    <rPh sb="26" eb="27">
      <t>スウ</t>
    </rPh>
    <rPh sb="28" eb="29">
      <t>チュウ</t>
    </rPh>
    <phoneticPr fontId="1"/>
  </si>
  <si>
    <t>認知症介護の指導に係る専門的な研修を修了している者を１名以上配置し、</t>
    <phoneticPr fontId="1"/>
  </si>
  <si>
    <t>事業所全体の認知症ケアの指導等を実施している</t>
    <rPh sb="0" eb="3">
      <t>ジギョウショ</t>
    </rPh>
    <phoneticPr fontId="1"/>
  </si>
  <si>
    <t>(4)</t>
    <phoneticPr fontId="1"/>
  </si>
  <si>
    <t>事業所において介護職員、看護職員ごとの認知症ケアに関する研修計画を</t>
    <phoneticPr fontId="1"/>
  </si>
  <si>
    <t>作成し、当該計画に従い、研修を実施又は実施を予定している</t>
    <phoneticPr fontId="1"/>
  </si>
  <si>
    <t>備考１　要件を満たすことが分かる根拠書類を準備し、指定権者からの求めがあった場合には、速やかに提出</t>
    <rPh sb="0" eb="2">
      <t>ビコウ</t>
    </rPh>
    <rPh sb="4" eb="6">
      <t>ヨウケン</t>
    </rPh>
    <rPh sb="7" eb="8">
      <t>ミ</t>
    </rPh>
    <rPh sb="13" eb="14">
      <t>ワ</t>
    </rPh>
    <rPh sb="16" eb="18">
      <t>コンキョ</t>
    </rPh>
    <rPh sb="18" eb="20">
      <t>ショルイ</t>
    </rPh>
    <phoneticPr fontId="1"/>
  </si>
  <si>
    <t>すること。</t>
  </si>
  <si>
    <t>備考２　「認知症介護に係る専門的な研修」とは、認知症介護実践リーダー研修及び認知症看護に係る適切な</t>
    <rPh sb="0" eb="2">
      <t>ビコウ</t>
    </rPh>
    <phoneticPr fontId="1"/>
  </si>
  <si>
    <t>研修を、「認知症介護の指導に係る専門的な研修」とは、認知症介護指導者養成研修及び認知症看護に係る</t>
    <phoneticPr fontId="1"/>
  </si>
  <si>
    <t>適切な研修を指す。</t>
    <phoneticPr fontId="1"/>
  </si>
  <si>
    <t>※認知症看護に係る適切な研修：</t>
    <rPh sb="1" eb="4">
      <t>ニンチショウ</t>
    </rPh>
    <rPh sb="4" eb="6">
      <t>カンゴ</t>
    </rPh>
    <rPh sb="7" eb="8">
      <t>カカ</t>
    </rPh>
    <rPh sb="9" eb="11">
      <t>テキセツ</t>
    </rPh>
    <rPh sb="12" eb="14">
      <t>ケンシュウ</t>
    </rPh>
    <phoneticPr fontId="1"/>
  </si>
  <si>
    <t>①日本看護協会認定看護師教育課程「認知症看護」の研修</t>
  </si>
  <si>
    <t>②日本看護協会が認定している看護系大学院の「老人看護」及び</t>
    <rPh sb="1" eb="3">
      <t>ニホン</t>
    </rPh>
    <rPh sb="3" eb="5">
      <t>カンゴ</t>
    </rPh>
    <rPh sb="5" eb="7">
      <t>キョウカイ</t>
    </rPh>
    <rPh sb="8" eb="10">
      <t>ニンテイ</t>
    </rPh>
    <rPh sb="14" eb="16">
      <t>カンゴ</t>
    </rPh>
    <rPh sb="16" eb="17">
      <t>ケイ</t>
    </rPh>
    <rPh sb="17" eb="20">
      <t>ダイガクイン</t>
    </rPh>
    <rPh sb="22" eb="24">
      <t>ロウジン</t>
    </rPh>
    <rPh sb="24" eb="26">
      <t>カンゴ</t>
    </rPh>
    <rPh sb="27" eb="28">
      <t>オヨ</t>
    </rPh>
    <phoneticPr fontId="1"/>
  </si>
  <si>
    <t>　「精神看護」の専門看護師教育課程</t>
    <phoneticPr fontId="1"/>
  </si>
  <si>
    <t>③日本精神科看護協会が認定している「精神科認定看護師」</t>
    <rPh sb="1" eb="3">
      <t>ニホン</t>
    </rPh>
    <rPh sb="3" eb="6">
      <t>セイシンカ</t>
    </rPh>
    <rPh sb="6" eb="8">
      <t>カンゴ</t>
    </rPh>
    <rPh sb="8" eb="10">
      <t>キョウカイ</t>
    </rPh>
    <rPh sb="11" eb="13">
      <t>ニンテイ</t>
    </rPh>
    <rPh sb="18" eb="20">
      <t>セイシン</t>
    </rPh>
    <rPh sb="20" eb="21">
      <t>カ</t>
    </rPh>
    <rPh sb="21" eb="23">
      <t>ニンテイ</t>
    </rPh>
    <rPh sb="23" eb="26">
      <t>カンゴシ</t>
    </rPh>
    <phoneticPr fontId="1"/>
  </si>
  <si>
    <t>　（認定証が発行されている者に限る）</t>
    <phoneticPr fontId="1"/>
  </si>
  <si>
    <t>備考３　認知症専門ケア加算（Ⅱ）の算定にあっては、認知症介護実践リーダー研修と認知症介護指導者養成</t>
    <rPh sb="0" eb="2">
      <t>ビコウ</t>
    </rPh>
    <rPh sb="4" eb="7">
      <t>ニンチショウ</t>
    </rPh>
    <rPh sb="7" eb="9">
      <t>センモン</t>
    </rPh>
    <rPh sb="11" eb="13">
      <t>カサン</t>
    </rPh>
    <rPh sb="17" eb="19">
      <t>サンテイ</t>
    </rPh>
    <rPh sb="25" eb="28">
      <t>ニンチショウ</t>
    </rPh>
    <rPh sb="28" eb="30">
      <t>カイゴ</t>
    </rPh>
    <rPh sb="30" eb="32">
      <t>ジッセン</t>
    </rPh>
    <rPh sb="36" eb="38">
      <t>ケンシュウ</t>
    </rPh>
    <rPh sb="39" eb="42">
      <t>ニンチショウ</t>
    </rPh>
    <rPh sb="42" eb="44">
      <t>カイゴ</t>
    </rPh>
    <rPh sb="44" eb="47">
      <t>シドウシャ</t>
    </rPh>
    <rPh sb="47" eb="48">
      <t>ヨウ</t>
    </rPh>
    <phoneticPr fontId="1"/>
  </si>
  <si>
    <t>研修の両方を修了した者、又は認知症看護に係る適切な研修を修了した者を１名配置する場合、「認知症介</t>
    <rPh sb="22" eb="24">
      <t>テキセツ</t>
    </rPh>
    <rPh sb="25" eb="27">
      <t>ケンシュウ</t>
    </rPh>
    <rPh sb="28" eb="30">
      <t>シュウリョウ</t>
    </rPh>
    <rPh sb="32" eb="33">
      <t>モノ</t>
    </rPh>
    <rPh sb="35" eb="36">
      <t>メイ</t>
    </rPh>
    <rPh sb="36" eb="38">
      <t>ハイチ</t>
    </rPh>
    <rPh sb="40" eb="42">
      <t>バアイ</t>
    </rPh>
    <rPh sb="44" eb="47">
      <t>ニンチショウ</t>
    </rPh>
    <phoneticPr fontId="1"/>
  </si>
  <si>
    <t>護に係る専門的な研修」及び「認知症介護の指導に係る専門的な研修」の修了者をそれぞれ１名配置したこ</t>
    <phoneticPr fontId="1"/>
  </si>
  <si>
    <t>とになる。</t>
    <phoneticPr fontId="1"/>
  </si>
  <si>
    <t>（介護予防）短期入所生活介護、（介護予防）短期入所療養介護
（介護予防）特定施設入居者生活介護、（介護予防）認知症対応型共同生活介護
地域密着型特定施設入居者生活介護、地域密着型介護老人福祉施設入所者生活介護
介護老人福祉施設、介護老人保健施設、介護療養型医療施設、介護医療院</t>
    <phoneticPr fontId="1"/>
  </si>
  <si>
    <t>１（介護予防）短期入所生活介護　</t>
    <rPh sb="2" eb="4">
      <t>カイゴ</t>
    </rPh>
    <rPh sb="4" eb="6">
      <t>ヨボウ</t>
    </rPh>
    <phoneticPr fontId="1"/>
  </si>
  <si>
    <t>２（介護予防）短期入所療養介護</t>
    <phoneticPr fontId="1"/>
  </si>
  <si>
    <t>３（介護予防）特定施設入居者生活介護　</t>
    <rPh sb="2" eb="4">
      <t>カイゴ</t>
    </rPh>
    <rPh sb="4" eb="6">
      <t>ヨボウ</t>
    </rPh>
    <phoneticPr fontId="1"/>
  </si>
  <si>
    <t>４（介護予防）認知症対応型共同生活介護</t>
    <phoneticPr fontId="1"/>
  </si>
  <si>
    <t>５　地域密着型特定施設入居者生活介護　</t>
    <phoneticPr fontId="1"/>
  </si>
  <si>
    <t>６　地域密着型介護老人福祉施設入所者生活介護　</t>
    <phoneticPr fontId="1"/>
  </si>
  <si>
    <t>７　介護老人福祉施設</t>
    <phoneticPr fontId="1"/>
  </si>
  <si>
    <t>８　介護老人保健施設</t>
    <phoneticPr fontId="1"/>
  </si>
  <si>
    <t>９　介護医療院</t>
    <phoneticPr fontId="1"/>
  </si>
  <si>
    <t>利用者又は入所者の総数のうち、日常生活自立度のランクⅢ、Ⅳ又はＭに該当する者</t>
    <rPh sb="3" eb="4">
      <t>マタ</t>
    </rPh>
    <rPh sb="5" eb="8">
      <t>ニュウショシャ</t>
    </rPh>
    <rPh sb="19" eb="22">
      <t>ジリツド</t>
    </rPh>
    <rPh sb="29" eb="30">
      <t>マタ</t>
    </rPh>
    <rPh sb="33" eb="35">
      <t>ガイトウ</t>
    </rPh>
    <rPh sb="37" eb="38">
      <t>シャ</t>
    </rPh>
    <phoneticPr fontId="1"/>
  </si>
  <si>
    <t>①　利用者又は入所者の総数　注</t>
    <rPh sb="2" eb="5">
      <t>リヨウシャ</t>
    </rPh>
    <rPh sb="5" eb="6">
      <t>マタ</t>
    </rPh>
    <rPh sb="7" eb="10">
      <t>ニュウショシャ</t>
    </rPh>
    <rPh sb="11" eb="13">
      <t>ソウスウ</t>
    </rPh>
    <rPh sb="12" eb="13">
      <t>スウ</t>
    </rPh>
    <rPh sb="14" eb="15">
      <t>チュウ</t>
    </rPh>
    <phoneticPr fontId="1"/>
  </si>
  <si>
    <t>注　届出日の属する月の前３月の各月末時点の利用者又は入所者の数（訪問サービスでは</t>
    <rPh sb="24" eb="25">
      <t>マタ</t>
    </rPh>
    <rPh sb="26" eb="29">
      <t>ニュウショシャ</t>
    </rPh>
    <rPh sb="32" eb="34">
      <t>ホウモン</t>
    </rPh>
    <phoneticPr fontId="1"/>
  </si>
  <si>
    <t>前３月間の利用実人員数又は利用延べ人数）の平均で算定。</t>
    <phoneticPr fontId="1"/>
  </si>
  <si>
    <t>認知症介護に係る専門的な研修を修了している者を、日常生活自立度のランクⅢ、</t>
    <phoneticPr fontId="1"/>
  </si>
  <si>
    <t>日常生活自立度のランクⅢ、Ⅳ又はＭに該当する者の数</t>
    <rPh sb="0" eb="2">
      <t>ニチジョウ</t>
    </rPh>
    <rPh sb="2" eb="4">
      <t>セイカツ</t>
    </rPh>
    <rPh sb="4" eb="7">
      <t>ジリツド</t>
    </rPh>
    <rPh sb="14" eb="15">
      <t>マタ</t>
    </rPh>
    <rPh sb="18" eb="20">
      <t>ガイトウ</t>
    </rPh>
    <rPh sb="22" eb="23">
      <t>モノ</t>
    </rPh>
    <rPh sb="24" eb="25">
      <t>カズ</t>
    </rPh>
    <phoneticPr fontId="1"/>
  </si>
  <si>
    <t>認知症専門ケア加算（Ⅰ）の基準のいずれにも該当している</t>
    <phoneticPr fontId="1"/>
  </si>
  <si>
    <t>※認知症専門ケア加算（Ⅰ）に係る届出内容(1)～(3)も記入すること。</t>
    <rPh sb="14" eb="15">
      <t>カカ</t>
    </rPh>
    <rPh sb="16" eb="18">
      <t>トドケデ</t>
    </rPh>
    <rPh sb="18" eb="20">
      <t>ナイヨウ</t>
    </rPh>
    <rPh sb="28" eb="30">
      <t>キニュウ</t>
    </rPh>
    <phoneticPr fontId="1"/>
  </si>
  <si>
    <t>事業所又は施設全体の認知症ケアの指導等を実施している</t>
    <rPh sb="0" eb="3">
      <t>ジギョウショ</t>
    </rPh>
    <rPh sb="3" eb="4">
      <t>マタ</t>
    </rPh>
    <phoneticPr fontId="1"/>
  </si>
  <si>
    <t>事業所又は施設において介護職員、看護職員ごとの認知症ケアに関する研修計画を</t>
    <rPh sb="3" eb="4">
      <t>マタ</t>
    </rPh>
    <rPh sb="5" eb="7">
      <t>シセツ</t>
    </rPh>
    <phoneticPr fontId="1"/>
  </si>
  <si>
    <t>生活相談員配置等加算に係る届出書</t>
    <rPh sb="0" eb="2">
      <t>セイカツ</t>
    </rPh>
    <rPh sb="2" eb="5">
      <t>ソウダンイン</t>
    </rPh>
    <rPh sb="5" eb="8">
      <t>ハイチトウ</t>
    </rPh>
    <rPh sb="8" eb="10">
      <t>カサン</t>
    </rPh>
    <rPh sb="11" eb="12">
      <t>カカ</t>
    </rPh>
    <rPh sb="13" eb="16">
      <t>トドケデショ</t>
    </rPh>
    <phoneticPr fontId="1"/>
  </si>
  <si>
    <t>1　通所介護事業所</t>
    <rPh sb="2" eb="4">
      <t>ツウショ</t>
    </rPh>
    <rPh sb="4" eb="6">
      <t>カイゴ</t>
    </rPh>
    <rPh sb="6" eb="9">
      <t>ジギョウショ</t>
    </rPh>
    <phoneticPr fontId="1"/>
  </si>
  <si>
    <t>2　地域密着型通所介護事業所</t>
    <rPh sb="2" eb="4">
      <t>チイキ</t>
    </rPh>
    <rPh sb="4" eb="7">
      <t>ミッチャクガタ</t>
    </rPh>
    <rPh sb="7" eb="9">
      <t>ツウショ</t>
    </rPh>
    <rPh sb="9" eb="11">
      <t>カイゴ</t>
    </rPh>
    <rPh sb="11" eb="14">
      <t>ジギョウショ</t>
    </rPh>
    <phoneticPr fontId="1"/>
  </si>
  <si>
    <t>3　（介護予防）短期入所生活介護事業所</t>
    <rPh sb="3" eb="5">
      <t>カイゴ</t>
    </rPh>
    <rPh sb="5" eb="7">
      <t>ヨボウ</t>
    </rPh>
    <rPh sb="8" eb="10">
      <t>タンキ</t>
    </rPh>
    <rPh sb="10" eb="12">
      <t>ニュウショ</t>
    </rPh>
    <rPh sb="12" eb="14">
      <t>セイカツ</t>
    </rPh>
    <rPh sb="14" eb="16">
      <t>カイゴ</t>
    </rPh>
    <rPh sb="16" eb="19">
      <t>ジギョウショ</t>
    </rPh>
    <phoneticPr fontId="1"/>
  </si>
  <si>
    <t>生活相談員配置等加算に係る届出内容</t>
    <rPh sb="0" eb="2">
      <t>セイカツ</t>
    </rPh>
    <rPh sb="2" eb="5">
      <t>ソウダンイン</t>
    </rPh>
    <rPh sb="5" eb="7">
      <t>ハイチ</t>
    </rPh>
    <rPh sb="7" eb="8">
      <t>トウ</t>
    </rPh>
    <rPh sb="8" eb="10">
      <t>カサン</t>
    </rPh>
    <rPh sb="11" eb="12">
      <t>カカワ</t>
    </rPh>
    <rPh sb="13" eb="15">
      <t>トドケデ</t>
    </rPh>
    <rPh sb="15" eb="17">
      <t>ナイヨウ</t>
    </rPh>
    <phoneticPr fontId="1"/>
  </si>
  <si>
    <t>通所介護</t>
    <rPh sb="0" eb="2">
      <t>ツウショ</t>
    </rPh>
    <rPh sb="2" eb="4">
      <t>カイゴ</t>
    </rPh>
    <phoneticPr fontId="1"/>
  </si>
  <si>
    <t>共生型通所介護費を算定している。</t>
    <rPh sb="7" eb="8">
      <t>ヒ</t>
    </rPh>
    <rPh sb="9" eb="11">
      <t>サンテイ</t>
    </rPh>
    <phoneticPr fontId="1"/>
  </si>
  <si>
    <t>生活相談員を、共生型通所介護の提供日ごとに、当該共生型通所介護を行う時間帯を通じて１名以上配置している。</t>
    <rPh sb="0" eb="2">
      <t>セイカツ</t>
    </rPh>
    <rPh sb="2" eb="5">
      <t>ソウダンイン</t>
    </rPh>
    <rPh sb="7" eb="10">
      <t>キョウセイガタ</t>
    </rPh>
    <rPh sb="10" eb="12">
      <t>ツウショ</t>
    </rPh>
    <rPh sb="12" eb="14">
      <t>カイゴ</t>
    </rPh>
    <rPh sb="15" eb="17">
      <t>テイキョウ</t>
    </rPh>
    <rPh sb="17" eb="18">
      <t>ビ</t>
    </rPh>
    <rPh sb="22" eb="24">
      <t>トウガイ</t>
    </rPh>
    <rPh sb="24" eb="27">
      <t>キョウセイガタ</t>
    </rPh>
    <rPh sb="27" eb="29">
      <t>ツウショ</t>
    </rPh>
    <rPh sb="29" eb="31">
      <t>カイゴ</t>
    </rPh>
    <rPh sb="32" eb="33">
      <t>オコナ</t>
    </rPh>
    <rPh sb="34" eb="37">
      <t>ジカンタイ</t>
    </rPh>
    <rPh sb="38" eb="39">
      <t>ツウ</t>
    </rPh>
    <rPh sb="42" eb="45">
      <t>メイイジョウ</t>
    </rPh>
    <rPh sb="45" eb="47">
      <t>ハイチ</t>
    </rPh>
    <phoneticPr fontId="1"/>
  </si>
  <si>
    <t>当該生活相談員が、地域に貢献する活動を行っている。</t>
    <rPh sb="0" eb="2">
      <t>トウガイ</t>
    </rPh>
    <rPh sb="2" eb="4">
      <t>セイカツ</t>
    </rPh>
    <rPh sb="4" eb="7">
      <t>ソウダンイン</t>
    </rPh>
    <rPh sb="9" eb="11">
      <t>チイキ</t>
    </rPh>
    <rPh sb="12" eb="14">
      <t>コウケン</t>
    </rPh>
    <rPh sb="16" eb="18">
      <t>カツドウ</t>
    </rPh>
    <rPh sb="19" eb="20">
      <t>オコナ</t>
    </rPh>
    <phoneticPr fontId="1"/>
  </si>
  <si>
    <t>地域密着型
通所介護</t>
    <rPh sb="0" eb="2">
      <t>チイキ</t>
    </rPh>
    <rPh sb="2" eb="5">
      <t>ミッチャクガタ</t>
    </rPh>
    <rPh sb="6" eb="8">
      <t>ツウショ</t>
    </rPh>
    <rPh sb="8" eb="10">
      <t>カイゴ</t>
    </rPh>
    <phoneticPr fontId="1"/>
  </si>
  <si>
    <t>共生型地域密着型通所介護費を算定している。</t>
    <rPh sb="3" eb="8">
      <t>チイキミッチャクガタ</t>
    </rPh>
    <rPh sb="12" eb="13">
      <t>ヒ</t>
    </rPh>
    <rPh sb="14" eb="16">
      <t>サンテイ</t>
    </rPh>
    <phoneticPr fontId="1"/>
  </si>
  <si>
    <t>生活相談員を、共生型地域密着型通所介護の提供日ごとに、当該共生型地域密着型通所介護を行う時間帯を通じて１名以上配置している。</t>
    <rPh sb="0" eb="2">
      <t>セイカツ</t>
    </rPh>
    <rPh sb="2" eb="5">
      <t>ソウダンイン</t>
    </rPh>
    <rPh sb="7" eb="10">
      <t>キョウセイガタ</t>
    </rPh>
    <rPh sb="10" eb="15">
      <t>チイキミッチャクガタ</t>
    </rPh>
    <rPh sb="15" eb="17">
      <t>ツウショ</t>
    </rPh>
    <rPh sb="17" eb="19">
      <t>カイゴ</t>
    </rPh>
    <rPh sb="20" eb="22">
      <t>テイキョウ</t>
    </rPh>
    <rPh sb="22" eb="23">
      <t>ビ</t>
    </rPh>
    <rPh sb="27" eb="29">
      <t>トウガイ</t>
    </rPh>
    <rPh sb="29" eb="32">
      <t>キョウセイガタ</t>
    </rPh>
    <rPh sb="32" eb="37">
      <t>チイキミッチャクガタ</t>
    </rPh>
    <rPh sb="37" eb="39">
      <t>ツウショ</t>
    </rPh>
    <rPh sb="39" eb="41">
      <t>カイゴ</t>
    </rPh>
    <rPh sb="42" eb="43">
      <t>オコナ</t>
    </rPh>
    <rPh sb="44" eb="47">
      <t>ジカンタイ</t>
    </rPh>
    <rPh sb="48" eb="49">
      <t>ツウ</t>
    </rPh>
    <rPh sb="52" eb="55">
      <t>メイイジョウ</t>
    </rPh>
    <rPh sb="55" eb="57">
      <t>ハイチ</t>
    </rPh>
    <phoneticPr fontId="1"/>
  </si>
  <si>
    <t>(介護予防)
短期入所
生活介護</t>
    <rPh sb="1" eb="3">
      <t>カイゴ</t>
    </rPh>
    <rPh sb="3" eb="5">
      <t>ヨボウ</t>
    </rPh>
    <rPh sb="7" eb="9">
      <t>タンキ</t>
    </rPh>
    <rPh sb="9" eb="11">
      <t>ニュウショ</t>
    </rPh>
    <rPh sb="12" eb="14">
      <t>セイカツ</t>
    </rPh>
    <rPh sb="14" eb="16">
      <t>カイゴ</t>
    </rPh>
    <phoneticPr fontId="1"/>
  </si>
  <si>
    <t>共生型短期入所生活介護費を算定している。</t>
    <rPh sb="3" eb="5">
      <t>タンキ</t>
    </rPh>
    <rPh sb="5" eb="7">
      <t>ニュウショ</t>
    </rPh>
    <rPh sb="7" eb="9">
      <t>セイカツ</t>
    </rPh>
    <rPh sb="11" eb="12">
      <t>ヒ</t>
    </rPh>
    <rPh sb="13" eb="15">
      <t>サンテイ</t>
    </rPh>
    <phoneticPr fontId="1"/>
  </si>
  <si>
    <t>生活相談員を、常勤換算方法で１名以上配置している。</t>
    <rPh sb="0" eb="2">
      <t>セイカツ</t>
    </rPh>
    <rPh sb="2" eb="5">
      <t>ソウダンイン</t>
    </rPh>
    <rPh sb="7" eb="9">
      <t>ジョウキン</t>
    </rPh>
    <rPh sb="9" eb="11">
      <t>カンサン</t>
    </rPh>
    <rPh sb="11" eb="13">
      <t>ホウホウ</t>
    </rPh>
    <rPh sb="15" eb="16">
      <t>メイ</t>
    </rPh>
    <rPh sb="16" eb="18">
      <t>イジョウ</t>
    </rPh>
    <rPh sb="18" eb="20">
      <t>ハイチ</t>
    </rPh>
    <phoneticPr fontId="1"/>
  </si>
  <si>
    <t>（別紙21）</t>
    <phoneticPr fontId="1"/>
  </si>
  <si>
    <t>中重度者ケア体制加算に係る届出書</t>
    <rPh sb="0" eb="4">
      <t>チュウジュウドシャ</t>
    </rPh>
    <rPh sb="6" eb="8">
      <t>タイセイ</t>
    </rPh>
    <rPh sb="8" eb="10">
      <t>カサン</t>
    </rPh>
    <rPh sb="11" eb="12">
      <t>カカ</t>
    </rPh>
    <rPh sb="13" eb="16">
      <t>トドケデショ</t>
    </rPh>
    <phoneticPr fontId="1"/>
  </si>
  <si>
    <t>3　通所リハビリテーション事業所</t>
    <rPh sb="2" eb="4">
      <t>ツウショ</t>
    </rPh>
    <rPh sb="13" eb="16">
      <t>ジギョウショ</t>
    </rPh>
    <phoneticPr fontId="1"/>
  </si>
  <si>
    <t>中重度者ケア体制加算に係る届出内容</t>
    <rPh sb="0" eb="4">
      <t>チュウジュウドシャ</t>
    </rPh>
    <rPh sb="6" eb="8">
      <t>タイセイ</t>
    </rPh>
    <rPh sb="8" eb="10">
      <t>カサン</t>
    </rPh>
    <rPh sb="11" eb="12">
      <t>カカワ</t>
    </rPh>
    <rPh sb="13" eb="15">
      <t>トドケデ</t>
    </rPh>
    <rPh sb="15" eb="17">
      <t>ナイヨウ</t>
    </rPh>
    <phoneticPr fontId="1"/>
  </si>
  <si>
    <t>指定居宅サービス等基準第93条第１項第２号又は第３号に規定する看護職員又は介護職員の員数に加え、看護職員又は介護職員を常勤換算方法で２以上確保している。</t>
    <phoneticPr fontId="1"/>
  </si>
  <si>
    <t>指定通所介護事業所における前年度又は算定日が属する月の前３月間の利用者の総数のうち、要介護状態区分が要介護３、要介護４又は要介護５である者の占める割合が100分の30以上である。</t>
    <phoneticPr fontId="1"/>
  </si>
  <si>
    <t>指定通所介護を行う時間帯を通じて専ら当該指定通所介護の提供に当たる看護職員を１名以上配置している。</t>
    <phoneticPr fontId="1"/>
  </si>
  <si>
    <t>共生型通所介護費を算定していない。</t>
    <rPh sb="0" eb="3">
      <t>キョウセイガタ</t>
    </rPh>
    <rPh sb="3" eb="5">
      <t>ツウショ</t>
    </rPh>
    <rPh sb="5" eb="8">
      <t>カイゴヒ</t>
    </rPh>
    <rPh sb="9" eb="11">
      <t>サンテイ</t>
    </rPh>
    <phoneticPr fontId="1"/>
  </si>
  <si>
    <t>地域密着型
通所介護</t>
    <rPh sb="0" eb="5">
      <t>チイキミッチャクガタ</t>
    </rPh>
    <rPh sb="6" eb="8">
      <t>ツウショ</t>
    </rPh>
    <rPh sb="8" eb="10">
      <t>カイゴ</t>
    </rPh>
    <phoneticPr fontId="1"/>
  </si>
  <si>
    <t>指定地域密着型サービス基準第20条第１項第２号又は第３号に規定する看護職員又は介護職員の員数に加え、看護職員又は介護職員を常勤換算方法で２以上確保している。</t>
    <phoneticPr fontId="1"/>
  </si>
  <si>
    <t>指定地域密着型通所介護事業所における前年度又は算定日が属する月の前３月間の利用者の総数のうち、要介護状態区分が要介護３、要介護４及び要介護５である者の占める割合が100分の30以上である。</t>
    <rPh sb="64" eb="65">
      <t>オヨ</t>
    </rPh>
    <phoneticPr fontId="1"/>
  </si>
  <si>
    <t>指定地域密着型通所介護を行う時間帯を通じて専ら当該指定地域密着型通所介護の提供に当たる看護職員を１名以上配置している。</t>
    <phoneticPr fontId="1"/>
  </si>
  <si>
    <t>共生型地域密着型通所介護費を算定していない。</t>
    <rPh sb="0" eb="3">
      <t>キョウセイガタ</t>
    </rPh>
    <rPh sb="3" eb="5">
      <t>チイキ</t>
    </rPh>
    <rPh sb="5" eb="8">
      <t>ミッチャクガタ</t>
    </rPh>
    <rPh sb="8" eb="10">
      <t>ツウショ</t>
    </rPh>
    <rPh sb="10" eb="13">
      <t>カイゴヒ</t>
    </rPh>
    <rPh sb="14" eb="16">
      <t>サンテイ</t>
    </rPh>
    <phoneticPr fontId="1"/>
  </si>
  <si>
    <t>通所
リハビリ
テーション</t>
    <rPh sb="0" eb="2">
      <t>ツウショ</t>
    </rPh>
    <phoneticPr fontId="1"/>
  </si>
  <si>
    <t>指定居宅サービス等基準第111条第１項第２号イ又は同条第２項第１号に規定する要件を満たす員数に加え、看護職員又は介護職員を常勤換算方法で１以上確保している。</t>
    <rPh sb="25" eb="27">
      <t>ドウジョウ</t>
    </rPh>
    <rPh sb="27" eb="28">
      <t>ダイ</t>
    </rPh>
    <rPh sb="29" eb="30">
      <t>コウ</t>
    </rPh>
    <rPh sb="30" eb="31">
      <t>ダイ</t>
    </rPh>
    <rPh sb="32" eb="33">
      <t>ゴウ</t>
    </rPh>
    <rPh sb="38" eb="40">
      <t>ヨウケン</t>
    </rPh>
    <rPh sb="41" eb="42">
      <t>ミ</t>
    </rPh>
    <phoneticPr fontId="1"/>
  </si>
  <si>
    <t>指定通所リハビリテーション事業所における前年度又は算定日が属する月の前３月間の利用者の総数のうち、要介護状態区分が要介護３、要介護又は要介護５である者の占める割合が100分の30以上である。</t>
    <rPh sb="0" eb="2">
      <t>シテイ</t>
    </rPh>
    <rPh sb="2" eb="4">
      <t>ツウショ</t>
    </rPh>
    <rPh sb="65" eb="66">
      <t>マタ</t>
    </rPh>
    <phoneticPr fontId="1"/>
  </si>
  <si>
    <t>指定通所リハビリテーションを行う時間帯を通じて専ら当該指定通所リハビリテーションの提供に当たる看護職員を１名以上配置している。</t>
    <rPh sb="2" eb="4">
      <t>ツウショ</t>
    </rPh>
    <rPh sb="29" eb="31">
      <t>ツウショ</t>
    </rPh>
    <phoneticPr fontId="1"/>
  </si>
  <si>
    <t>（別紙22）</t>
    <phoneticPr fontId="1"/>
  </si>
  <si>
    <t>認知症加算に係る届出書</t>
    <rPh sb="0" eb="3">
      <t>ニンチショウ</t>
    </rPh>
    <rPh sb="3" eb="5">
      <t>カサン</t>
    </rPh>
    <rPh sb="6" eb="7">
      <t>カカ</t>
    </rPh>
    <rPh sb="8" eb="11">
      <t>トドケデショ</t>
    </rPh>
    <phoneticPr fontId="1"/>
  </si>
  <si>
    <t>（通所介護、地域密着型通所介護）</t>
    <rPh sb="1" eb="3">
      <t>ツウショ</t>
    </rPh>
    <rPh sb="3" eb="5">
      <t>カイゴ</t>
    </rPh>
    <rPh sb="6" eb="8">
      <t>チイキ</t>
    </rPh>
    <rPh sb="8" eb="11">
      <t>ミッチャクガタ</t>
    </rPh>
    <rPh sb="11" eb="13">
      <t>ツウショ</t>
    </rPh>
    <rPh sb="13" eb="15">
      <t>カイゴ</t>
    </rPh>
    <phoneticPr fontId="1"/>
  </si>
  <si>
    <t>認知症加算に係る届出内容</t>
    <rPh sb="0" eb="3">
      <t>ニンチショウ</t>
    </rPh>
    <rPh sb="3" eb="5">
      <t>カサン</t>
    </rPh>
    <rPh sb="6" eb="7">
      <t>カカワ</t>
    </rPh>
    <rPh sb="8" eb="10">
      <t>トドケデ</t>
    </rPh>
    <rPh sb="10" eb="12">
      <t>ナイヨウ</t>
    </rPh>
    <phoneticPr fontId="1"/>
  </si>
  <si>
    <t>①　利用者総数　</t>
    <rPh sb="2" eb="5">
      <t>リヨウシャ</t>
    </rPh>
    <rPh sb="5" eb="7">
      <t>ソウスウ</t>
    </rPh>
    <rPh sb="6" eb="7">
      <t>スウ</t>
    </rPh>
    <phoneticPr fontId="1"/>
  </si>
  <si>
    <t>②　対象者　</t>
    <rPh sb="2" eb="5">
      <t>タイショウシャ</t>
    </rPh>
    <phoneticPr fontId="1"/>
  </si>
  <si>
    <t>指定通所介護を行う時間帯を通じて、専ら当該指定通所介護の提供に当たる認知症介護の指導に係る専門的な研修、認知症介護に係る専門的な研修又は認知症介護に係る実践的な研修等を修了した者を１名以上配置している。</t>
    <phoneticPr fontId="1"/>
  </si>
  <si>
    <t>当該事業所の従業者に対する、認知症ケアに関する事例の検討や技術的指導に係る会議を定期的に開催している。</t>
    <rPh sb="0" eb="2">
      <t>トウガイ</t>
    </rPh>
    <rPh sb="2" eb="5">
      <t>ジギョウショ</t>
    </rPh>
    <rPh sb="6" eb="9">
      <t>ジュウギョウシャ</t>
    </rPh>
    <rPh sb="10" eb="11">
      <t>タイ</t>
    </rPh>
    <rPh sb="14" eb="17">
      <t>ニンチショウ</t>
    </rPh>
    <rPh sb="20" eb="21">
      <t>カン</t>
    </rPh>
    <rPh sb="23" eb="25">
      <t>ジレイ</t>
    </rPh>
    <rPh sb="26" eb="28">
      <t>ケントウ</t>
    </rPh>
    <rPh sb="29" eb="32">
      <t>ギジュツテキ</t>
    </rPh>
    <rPh sb="32" eb="34">
      <t>シドウ</t>
    </rPh>
    <rPh sb="35" eb="36">
      <t>カカ</t>
    </rPh>
    <rPh sb="37" eb="39">
      <t>カイギ</t>
    </rPh>
    <rPh sb="40" eb="43">
      <t>テイキテキ</t>
    </rPh>
    <rPh sb="44" eb="46">
      <t>カイサイ</t>
    </rPh>
    <phoneticPr fontId="1"/>
  </si>
  <si>
    <t>地域密着型
通所介護</t>
    <rPh sb="0" eb="5">
      <t>チイキミッチャクガタ</t>
    </rPh>
    <rPh sb="6" eb="10">
      <t>ツウショカイゴ</t>
    </rPh>
    <phoneticPr fontId="1"/>
  </si>
  <si>
    <t>指定地域密着型通所介護を行う時間帯を通じて、専ら当該指定地域密着型通所介護の提供に当たる認知症介護の指導に係る専門的な研修、認知症介護に係る専門的な研修又は認知症介護に係る実践的な研修等を修了した者を１名以上配置している。</t>
    <phoneticPr fontId="1"/>
  </si>
  <si>
    <t>（別紙44）</t>
    <phoneticPr fontId="1"/>
  </si>
  <si>
    <t>認知症加算（Ⅰ）・（Ⅱ）に係る届出書</t>
    <rPh sb="0" eb="3">
      <t>ニンチショウ</t>
    </rPh>
    <rPh sb="3" eb="5">
      <t>カサン</t>
    </rPh>
    <rPh sb="13" eb="14">
      <t>カカ</t>
    </rPh>
    <rPh sb="15" eb="18">
      <t>トドケデショ</t>
    </rPh>
    <phoneticPr fontId="1"/>
  </si>
  <si>
    <t>（小規模多機能型居宅介護、看護小規模多機能型居宅介護）</t>
    <rPh sb="1" eb="4">
      <t>ショウキボ</t>
    </rPh>
    <rPh sb="4" eb="8">
      <t>タキノウガタ</t>
    </rPh>
    <rPh sb="8" eb="10">
      <t>キョタク</t>
    </rPh>
    <rPh sb="10" eb="12">
      <t>カイゴ</t>
    </rPh>
    <rPh sb="13" eb="15">
      <t>カンゴ</t>
    </rPh>
    <rPh sb="15" eb="18">
      <t>ショウキボ</t>
    </rPh>
    <rPh sb="18" eb="22">
      <t>タキノウガタ</t>
    </rPh>
    <rPh sb="22" eb="24">
      <t>キョタク</t>
    </rPh>
    <rPh sb="24" eb="26">
      <t>カイゴ</t>
    </rPh>
    <phoneticPr fontId="1"/>
  </si>
  <si>
    <t>１．認知症加算（Ⅰ）に係る届出内容</t>
    <rPh sb="11" eb="12">
      <t>カカ</t>
    </rPh>
    <rPh sb="13" eb="14">
      <t>トド</t>
    </rPh>
    <rPh sb="14" eb="15">
      <t>デ</t>
    </rPh>
    <rPh sb="15" eb="17">
      <t>ナイヨウ</t>
    </rPh>
    <phoneticPr fontId="1"/>
  </si>
  <si>
    <t>認知症介護に係る専門的な研修を修了している者を、日常生活自立度のランクⅢ、Ⅳ又はMに該当する者の数に応じて必要数以上配置し、チームとして専門的な認知症ケアを実施している</t>
    <phoneticPr fontId="1"/>
  </si>
  <si>
    <t>従業者に対して、認知症ケアに関する留意事項の伝達又は技術的指導に係る会議を定期的に開催している</t>
    <phoneticPr fontId="1"/>
  </si>
  <si>
    <t>認知症介護の指導に係る専門的な研修を修了している者を１名以上配置し、事業所全体の認知症ケアの指導等を実施している</t>
    <phoneticPr fontId="1"/>
  </si>
  <si>
    <t>事業所において介護職員、看護職員ごとの認知症ケアに関する研修計画を作成し、当該計画に従い、研修を実施又は実施を予定している</t>
    <phoneticPr fontId="1"/>
  </si>
  <si>
    <t>２．認知症加算（Ⅱ）に係る届出内容</t>
    <rPh sb="11" eb="12">
      <t>カカ</t>
    </rPh>
    <rPh sb="13" eb="14">
      <t>トド</t>
    </rPh>
    <rPh sb="14" eb="15">
      <t>デ</t>
    </rPh>
    <rPh sb="15" eb="17">
      <t>ナイヨウ</t>
    </rPh>
    <phoneticPr fontId="1"/>
  </si>
  <si>
    <r>
      <t xml:space="preserve">認知症加算（Ⅰ）の(1)・(2)の基準のいずれにも該当している
</t>
    </r>
    <r>
      <rPr>
        <sz val="10"/>
        <rFont val="HGSｺﾞｼｯｸM"/>
        <family val="3"/>
        <charset val="128"/>
      </rPr>
      <t>※認知症加算（Ⅰ）に係る届出内容(1)・(2)も記入すること。</t>
    </r>
    <phoneticPr fontId="1"/>
  </si>
  <si>
    <t>①日本看護協会認定看護師教育課程「認知症看護」の研修
②日本看護協会が認定している看護系大学院の「老人看護」及び「精神看護」の専門看護師教育課程
③日本精神科看護協会が認定している「精神科認定看護師」（認定証が発行されている者に限る）</t>
    <phoneticPr fontId="1"/>
  </si>
  <si>
    <t>総合マネジメント体制強化加算に係る届出書</t>
    <rPh sb="0" eb="2">
      <t>ソウゴウ</t>
    </rPh>
    <rPh sb="8" eb="10">
      <t>タイセイ</t>
    </rPh>
    <rPh sb="10" eb="12">
      <t>キョウカ</t>
    </rPh>
    <rPh sb="12" eb="14">
      <t>カサン</t>
    </rPh>
    <rPh sb="15" eb="16">
      <t>カカ</t>
    </rPh>
    <rPh sb="17" eb="20">
      <t>トドケデショ</t>
    </rPh>
    <phoneticPr fontId="1"/>
  </si>
  <si>
    <t>1　定期巡回・随時対応型訪問介護看護事業所</t>
    <rPh sb="2" eb="4">
      <t>テイキ</t>
    </rPh>
    <rPh sb="4" eb="6">
      <t>ジュンカイ</t>
    </rPh>
    <rPh sb="7" eb="9">
      <t>ズイジ</t>
    </rPh>
    <rPh sb="9" eb="12">
      <t>タイオウガタ</t>
    </rPh>
    <rPh sb="12" eb="14">
      <t>ホウモン</t>
    </rPh>
    <rPh sb="14" eb="16">
      <t>カイゴ</t>
    </rPh>
    <rPh sb="16" eb="18">
      <t>カンゴ</t>
    </rPh>
    <rPh sb="18" eb="21">
      <t>ジギョウショ</t>
    </rPh>
    <phoneticPr fontId="1"/>
  </si>
  <si>
    <t>2　(介護予防）小規模多機能型居宅介護事業所</t>
    <rPh sb="8" eb="11">
      <t>ショウキボ</t>
    </rPh>
    <rPh sb="11" eb="15">
      <t>タキノウガタ</t>
    </rPh>
    <rPh sb="15" eb="17">
      <t>キョタク</t>
    </rPh>
    <rPh sb="17" eb="19">
      <t>カイゴ</t>
    </rPh>
    <rPh sb="19" eb="22">
      <t>ジギョウショ</t>
    </rPh>
    <phoneticPr fontId="1"/>
  </si>
  <si>
    <t>1　総合マネジメント体制強化加算（Ⅰ）</t>
    <rPh sb="2" eb="4">
      <t>ソウゴウ</t>
    </rPh>
    <rPh sb="10" eb="12">
      <t>タイセイ</t>
    </rPh>
    <rPh sb="12" eb="14">
      <t>キョウカ</t>
    </rPh>
    <rPh sb="14" eb="16">
      <t>カサン</t>
    </rPh>
    <phoneticPr fontId="1"/>
  </si>
  <si>
    <t>2　総合マネジメント体制強化加算（Ⅱ）</t>
    <phoneticPr fontId="1"/>
  </si>
  <si>
    <t>○定期巡回・随時対応型訪問介護看護</t>
    <phoneticPr fontId="1"/>
  </si>
  <si>
    <t xml:space="preserve">① </t>
    <phoneticPr fontId="1"/>
  </si>
  <si>
    <t>利用者の心身の状況又はその家族等を取り巻く環境の変化に応じ、随時、計画作成責任者、看護師、准看護師、介護職員その他の関係者が共同し、定期巡回・随時対応型訪問介護看護計画の見直しを行っている。</t>
    <phoneticPr fontId="1"/>
  </si>
  <si>
    <t>地域の病院、診療所、介護老人保健施設その他の関係施設に対し、指定定期巡回・随時対応型訪問介護看護事業所が提供することのできる指定定期巡回・随時対応型訪問介護看護の具体的な内容に関する情報提供を行っている。</t>
    <phoneticPr fontId="1"/>
  </si>
  <si>
    <t>日常的に利用者と関わりのある地域住民等の相談に対応する体制を確保していること。</t>
    <phoneticPr fontId="1"/>
  </si>
  <si>
    <t>地域住民等との連携により、地域資源を効果的に活用し、利用者の状態に応じた支援を行っている。</t>
    <phoneticPr fontId="1"/>
  </si>
  <si>
    <t>事業所の
特性に
応じて
１つ以上実施している</t>
    <phoneticPr fontId="1"/>
  </si>
  <si>
    <t>障害福祉サービス事業所、児童福祉施設等と協働し、地域において世代間の交流を行っている。</t>
    <rPh sb="37" eb="38">
      <t>オコナ</t>
    </rPh>
    <phoneticPr fontId="1"/>
  </si>
  <si>
    <t xml:space="preserve">地域住民等、他事業所等と共同で事例検討会、研修会等を実施している。 </t>
    <phoneticPr fontId="1"/>
  </si>
  <si>
    <t>市町村が実施する通いの場や在宅医療・介護連携推進事業等の地域支援事業等に参加している。</t>
    <phoneticPr fontId="1"/>
  </si>
  <si>
    <t>地域住民及び利用者の住まいに関する相談に応じ、必要な支援を行っている。</t>
    <phoneticPr fontId="1"/>
  </si>
  <si>
    <t>○（介護予防）小規模多機能型居宅介護</t>
    <phoneticPr fontId="1"/>
  </si>
  <si>
    <t>利用者の心身の状況又はその家族等を取り巻く環境の変化に応じ、随時、介護支援専門員、看護師、准看護師、介護職員その他の関係者が共同し、小規模多機能型居宅介護計画の見直しを行っている。</t>
    <phoneticPr fontId="1"/>
  </si>
  <si>
    <t>利用者の地域における多様な活動が確保されるよう、日常的に地域住民等との交流を図り、利用者の状態に応じて、地域の行事や活動等に積極的に参加している。</t>
    <phoneticPr fontId="1"/>
  </si>
  <si>
    <t>必要に応じて、多様な主体が提供する生活支援のサービス（インフォーマルサービス含む）が包括的に提供されるような居宅サービス計画を作成している。</t>
    <phoneticPr fontId="1"/>
  </si>
  <si>
    <t>地域住民等との連携により、地域資源を効果的に活用し、利用者の状態に応じた支援を行っている。</t>
  </si>
  <si>
    <t>障害福祉サービス事業所、児童福祉施設等と協働し、地域において世代間の交流の場の拠点となっている。</t>
    <phoneticPr fontId="1"/>
  </si>
  <si>
    <t>○看護小規模多機能型居宅介護</t>
    <phoneticPr fontId="1"/>
  </si>
  <si>
    <t>利用者の心身の状況又はその家族等を取り巻く環境の変化に応じ、随時、介護支援専門員、看護師、准看護師、介護職員その他の関係者が共同し、看護小規模多機能型居宅介護計画の見直しを行っている。</t>
    <phoneticPr fontId="1"/>
  </si>
  <si>
    <t>地域の病院、診療所、介護老人保健施設その他の関係施設に対し、指定看護小規模多機能型居宅介護事業所が提供することのできる指定看護小規模多機能型居宅介護の具体的な内容に関する情報提供を行っている。</t>
    <phoneticPr fontId="1"/>
  </si>
  <si>
    <t>２　総合マネジメント体制強化加算（Ⅱ）に係る体制の届出内容</t>
    <rPh sb="2" eb="4">
      <t>ソウゴウ</t>
    </rPh>
    <rPh sb="10" eb="12">
      <t>タイセイ</t>
    </rPh>
    <rPh sb="12" eb="14">
      <t>キョウカ</t>
    </rPh>
    <rPh sb="14" eb="16">
      <t>カサン</t>
    </rPh>
    <rPh sb="22" eb="24">
      <t>タイセイ</t>
    </rPh>
    <rPh sb="25" eb="27">
      <t>トドケデ</t>
    </rPh>
    <phoneticPr fontId="1"/>
  </si>
  <si>
    <t>総合マネジメント体制強化加算（Ⅰ）の基準の①～②のいずれにも該当している。</t>
    <phoneticPr fontId="1"/>
  </si>
  <si>
    <t>総合マネジメント体制強化加算（Ⅰ）の基準の①～③のいずれにも該当している。</t>
    <phoneticPr fontId="1"/>
  </si>
  <si>
    <t>（別紙42）</t>
    <phoneticPr fontId="1"/>
  </si>
  <si>
    <t>（別紙45）</t>
    <phoneticPr fontId="1"/>
  </si>
  <si>
    <t>訪問体制強化加算に係る届出書</t>
    <rPh sb="0" eb="2">
      <t>ホウモン</t>
    </rPh>
    <rPh sb="2" eb="4">
      <t>タイセイ</t>
    </rPh>
    <rPh sb="4" eb="6">
      <t>キョウカ</t>
    </rPh>
    <rPh sb="6" eb="8">
      <t>カサン</t>
    </rPh>
    <rPh sb="9" eb="10">
      <t>カカ</t>
    </rPh>
    <rPh sb="11" eb="14">
      <t>トドケデショ</t>
    </rPh>
    <phoneticPr fontId="1"/>
  </si>
  <si>
    <t>1　小規模多機能型居宅介護事業所</t>
    <rPh sb="2" eb="5">
      <t>ショウキボ</t>
    </rPh>
    <rPh sb="5" eb="9">
      <t>タキノウガタ</t>
    </rPh>
    <rPh sb="9" eb="11">
      <t>キョタク</t>
    </rPh>
    <rPh sb="11" eb="13">
      <t>カイゴ</t>
    </rPh>
    <rPh sb="13" eb="16">
      <t>ジギョウショ</t>
    </rPh>
    <phoneticPr fontId="1"/>
  </si>
  <si>
    <t>2　看護小規模多機能型居宅介護事業所</t>
    <phoneticPr fontId="1"/>
  </si>
  <si>
    <t>訪問体制強化加算に係る届出内容</t>
    <rPh sb="0" eb="2">
      <t>ホウモン</t>
    </rPh>
    <rPh sb="2" eb="4">
      <t>タイセイ</t>
    </rPh>
    <rPh sb="4" eb="6">
      <t>キョウカ</t>
    </rPh>
    <rPh sb="6" eb="8">
      <t>カサン</t>
    </rPh>
    <rPh sb="9" eb="10">
      <t>カカワ</t>
    </rPh>
    <rPh sb="11" eb="13">
      <t>トドケデ</t>
    </rPh>
    <rPh sb="13" eb="15">
      <t>ナイヨウ</t>
    </rPh>
    <phoneticPr fontId="1"/>
  </si>
  <si>
    <t>職員配置の状況</t>
    <rPh sb="0" eb="2">
      <t>ショクイン</t>
    </rPh>
    <rPh sb="2" eb="4">
      <t>ハイチ</t>
    </rPh>
    <rPh sb="5" eb="7">
      <t>ジョウキョウ</t>
    </rPh>
    <phoneticPr fontId="1"/>
  </si>
  <si>
    <r>
      <t xml:space="preserve">事業所が提供する訪問サービスの提供に当たる常勤の従業者を２名以上配置している。
</t>
    </r>
    <r>
      <rPr>
        <sz val="8"/>
        <rFont val="HGSｺﾞｼｯｸM"/>
        <family val="3"/>
        <charset val="128"/>
      </rPr>
      <t>※ただし、看護小規模多機能型居宅介護の場合、看護サービスを除く。また、常勤の従業者については、保健師、看護師、准看護師、理学療法士、作業療法士、言語聴覚士を除く。</t>
    </r>
    <rPh sb="0" eb="3">
      <t>ジギョウショ</t>
    </rPh>
    <rPh sb="4" eb="6">
      <t>テイキョウ</t>
    </rPh>
    <rPh sb="8" eb="10">
      <t>ホウモン</t>
    </rPh>
    <rPh sb="15" eb="17">
      <t>テイキョウ</t>
    </rPh>
    <rPh sb="18" eb="19">
      <t>ア</t>
    </rPh>
    <rPh sb="21" eb="23">
      <t>ジョウキン</t>
    </rPh>
    <rPh sb="24" eb="27">
      <t>ジュウギョウシャ</t>
    </rPh>
    <rPh sb="29" eb="30">
      <t>メイ</t>
    </rPh>
    <rPh sb="30" eb="32">
      <t>イジョウ</t>
    </rPh>
    <rPh sb="32" eb="34">
      <t>ハイチ</t>
    </rPh>
    <rPh sb="45" eb="47">
      <t>カンゴ</t>
    </rPh>
    <rPh sb="47" eb="50">
      <t>ショウキボ</t>
    </rPh>
    <rPh sb="50" eb="53">
      <t>タキノウ</t>
    </rPh>
    <rPh sb="53" eb="54">
      <t>ガタ</t>
    </rPh>
    <rPh sb="54" eb="56">
      <t>キョタク</t>
    </rPh>
    <rPh sb="56" eb="58">
      <t>カイゴ</t>
    </rPh>
    <rPh sb="59" eb="61">
      <t>バアイ</t>
    </rPh>
    <rPh sb="62" eb="64">
      <t>カンゴ</t>
    </rPh>
    <rPh sb="69" eb="70">
      <t>ノゾ</t>
    </rPh>
    <rPh sb="75" eb="77">
      <t>ジョウキン</t>
    </rPh>
    <rPh sb="78" eb="81">
      <t>ジュウギョウシャ</t>
    </rPh>
    <rPh sb="87" eb="90">
      <t>ホケンシ</t>
    </rPh>
    <rPh sb="91" eb="94">
      <t>カンゴシ</t>
    </rPh>
    <rPh sb="95" eb="99">
      <t>ジュンカンゴシ</t>
    </rPh>
    <rPh sb="100" eb="102">
      <t>リガク</t>
    </rPh>
    <rPh sb="102" eb="105">
      <t>リョウホウシ</t>
    </rPh>
    <rPh sb="106" eb="108">
      <t>サギョウ</t>
    </rPh>
    <rPh sb="108" eb="111">
      <t>リョウホウシ</t>
    </rPh>
    <rPh sb="112" eb="114">
      <t>ゲンゴ</t>
    </rPh>
    <rPh sb="114" eb="117">
      <t>チョウカクシ</t>
    </rPh>
    <rPh sb="118" eb="119">
      <t>ノゾ</t>
    </rPh>
    <phoneticPr fontId="1"/>
  </si>
  <si>
    <t>事業所の
状況</t>
    <rPh sb="0" eb="3">
      <t>ジギョウショ</t>
    </rPh>
    <rPh sb="5" eb="7">
      <t>ジョウキョウ</t>
    </rPh>
    <phoneticPr fontId="1"/>
  </si>
  <si>
    <t>事業所と同一建物に集合住宅（養護老人ホーム、軽費老人ホーム、有料老人ホーム、サービス付き高齢者向け住宅であって登録を受けたもの）を併設している。</t>
    <rPh sb="0" eb="3">
      <t>ジギョウショ</t>
    </rPh>
    <rPh sb="4" eb="6">
      <t>ドウイツ</t>
    </rPh>
    <rPh sb="6" eb="8">
      <t>タテモノ</t>
    </rPh>
    <rPh sb="9" eb="11">
      <t>シュウゴウ</t>
    </rPh>
    <rPh sb="11" eb="13">
      <t>ジュウタク</t>
    </rPh>
    <rPh sb="55" eb="57">
      <t>トウロク</t>
    </rPh>
    <rPh sb="58" eb="59">
      <t>ウ</t>
    </rPh>
    <rPh sb="65" eb="67">
      <t>ヘイセツ</t>
    </rPh>
    <phoneticPr fontId="1"/>
  </si>
  <si>
    <t>サービス提供の状況</t>
    <rPh sb="4" eb="6">
      <t>テイキョウ</t>
    </rPh>
    <rPh sb="7" eb="9">
      <t>ジョウキョウ</t>
    </rPh>
    <phoneticPr fontId="1"/>
  </si>
  <si>
    <t xml:space="preserve"> (1) 事業所が同一建物に集合住宅を併設していない（２で無を選択した）場合</t>
    <rPh sb="5" eb="8">
      <t>ジギョウショ</t>
    </rPh>
    <rPh sb="9" eb="11">
      <t>ドウイツ</t>
    </rPh>
    <rPh sb="11" eb="13">
      <t>タテモノ</t>
    </rPh>
    <rPh sb="14" eb="16">
      <t>シュウゴウ</t>
    </rPh>
    <rPh sb="16" eb="18">
      <t>ジュウタク</t>
    </rPh>
    <rPh sb="19" eb="21">
      <t>ヘイセツ</t>
    </rPh>
    <rPh sb="29" eb="30">
      <t>ナ</t>
    </rPh>
    <rPh sb="31" eb="33">
      <t>センタク</t>
    </rPh>
    <rPh sb="36" eb="38">
      <t>バアイ</t>
    </rPh>
    <phoneticPr fontId="1"/>
  </si>
  <si>
    <t>　訪問回数が１月当たり延べ200回以上である。</t>
    <rPh sb="1" eb="3">
      <t>ホウモン</t>
    </rPh>
    <rPh sb="3" eb="5">
      <t>カイスウ</t>
    </rPh>
    <rPh sb="7" eb="8">
      <t>ツキ</t>
    </rPh>
    <rPh sb="8" eb="9">
      <t>ア</t>
    </rPh>
    <rPh sb="11" eb="12">
      <t>ノ</t>
    </rPh>
    <rPh sb="16" eb="17">
      <t>カイ</t>
    </rPh>
    <rPh sb="17" eb="19">
      <t>イジョウ</t>
    </rPh>
    <phoneticPr fontId="1"/>
  </si>
  <si>
    <t xml:space="preserve"> (2) 事業所が同一建物に集合住宅を併設している（２で有を選択した）場合</t>
    <rPh sb="5" eb="8">
      <t>ジギョウショ</t>
    </rPh>
    <rPh sb="9" eb="11">
      <t>ドウイツ</t>
    </rPh>
    <rPh sb="11" eb="13">
      <t>タテモノ</t>
    </rPh>
    <rPh sb="14" eb="16">
      <t>シュウゴウ</t>
    </rPh>
    <rPh sb="16" eb="18">
      <t>ジュウタク</t>
    </rPh>
    <rPh sb="19" eb="21">
      <t>ヘイセツ</t>
    </rPh>
    <rPh sb="28" eb="29">
      <t>ア</t>
    </rPh>
    <rPh sb="30" eb="32">
      <t>センタク</t>
    </rPh>
    <rPh sb="35" eb="37">
      <t>バアイ</t>
    </rPh>
    <phoneticPr fontId="1"/>
  </si>
  <si>
    <t>　①に占める②の割合が50％以上</t>
    <rPh sb="3" eb="4">
      <t>シ</t>
    </rPh>
    <rPh sb="8" eb="10">
      <t>ワリアイ</t>
    </rPh>
    <rPh sb="14" eb="16">
      <t>イジョウ</t>
    </rPh>
    <phoneticPr fontId="1"/>
  </si>
  <si>
    <t>登録者の総数</t>
    <rPh sb="0" eb="3">
      <t>トウロクシャ</t>
    </rPh>
    <rPh sb="4" eb="6">
      <t>ソウスウ</t>
    </rPh>
    <phoneticPr fontId="1"/>
  </si>
  <si>
    <t>同一建物居住者以外の者（（看護）小規模多機能型居宅介護費のイ(1)を算定する者）の数</t>
    <rPh sb="0" eb="2">
      <t>ドウイツ</t>
    </rPh>
    <rPh sb="2" eb="4">
      <t>タテモノ</t>
    </rPh>
    <rPh sb="4" eb="7">
      <t>キョジュウシャ</t>
    </rPh>
    <rPh sb="7" eb="9">
      <t>イガイ</t>
    </rPh>
    <rPh sb="10" eb="11">
      <t>シャ</t>
    </rPh>
    <rPh sb="13" eb="15">
      <t>カンゴ</t>
    </rPh>
    <rPh sb="16" eb="19">
      <t>ショウキボ</t>
    </rPh>
    <rPh sb="19" eb="23">
      <t>タキノウガタ</t>
    </rPh>
    <rPh sb="23" eb="25">
      <t>キョタク</t>
    </rPh>
    <rPh sb="25" eb="27">
      <t>カイゴ</t>
    </rPh>
    <rPh sb="27" eb="28">
      <t>ヒ</t>
    </rPh>
    <rPh sb="34" eb="36">
      <t>サンテイ</t>
    </rPh>
    <rPh sb="38" eb="39">
      <t>シャ</t>
    </rPh>
    <rPh sb="41" eb="42">
      <t>カズ</t>
    </rPh>
    <phoneticPr fontId="1"/>
  </si>
  <si>
    <t>　②の者に対する訪問回数が１月当たり延べ200回以上である。</t>
    <rPh sb="3" eb="4">
      <t>シャ</t>
    </rPh>
    <rPh sb="5" eb="6">
      <t>タイ</t>
    </rPh>
    <rPh sb="8" eb="10">
      <t>ホウモン</t>
    </rPh>
    <rPh sb="10" eb="12">
      <t>カイスウ</t>
    </rPh>
    <rPh sb="14" eb="15">
      <t>ツキ</t>
    </rPh>
    <rPh sb="15" eb="16">
      <t>ア</t>
    </rPh>
    <rPh sb="18" eb="19">
      <t>ノ</t>
    </rPh>
    <rPh sb="23" eb="24">
      <t>カイ</t>
    </rPh>
    <rPh sb="24" eb="26">
      <t>イジョウ</t>
    </rPh>
    <phoneticPr fontId="1"/>
  </si>
  <si>
    <t>（別紙46）</t>
    <phoneticPr fontId="1"/>
  </si>
  <si>
    <t>夜間支援体制加算に係る届出書（（介護予防）認知症対応型共同生活介護事業所）</t>
    <rPh sb="0" eb="2">
      <t>ヤカン</t>
    </rPh>
    <rPh sb="2" eb="4">
      <t>シエン</t>
    </rPh>
    <rPh sb="4" eb="6">
      <t>タイセイ</t>
    </rPh>
    <rPh sb="6" eb="8">
      <t>カサン</t>
    </rPh>
    <rPh sb="9" eb="10">
      <t>カカ</t>
    </rPh>
    <rPh sb="11" eb="14">
      <t>トドケデショ</t>
    </rPh>
    <rPh sb="16" eb="20">
      <t>カイゴヨボウ</t>
    </rPh>
    <rPh sb="21" eb="24">
      <t>ニンチショウ</t>
    </rPh>
    <rPh sb="24" eb="27">
      <t>タイオウガタ</t>
    </rPh>
    <rPh sb="27" eb="29">
      <t>キョウドウ</t>
    </rPh>
    <rPh sb="29" eb="31">
      <t>セイカツ</t>
    </rPh>
    <rPh sb="31" eb="33">
      <t>カイゴ</t>
    </rPh>
    <rPh sb="33" eb="36">
      <t>ジギョウショ</t>
    </rPh>
    <phoneticPr fontId="1"/>
  </si>
  <si>
    <t>1　夜間支援体制加算（Ⅰ）</t>
    <rPh sb="2" eb="4">
      <t>ヤカン</t>
    </rPh>
    <rPh sb="4" eb="6">
      <t>シエン</t>
    </rPh>
    <rPh sb="6" eb="8">
      <t>タイセイ</t>
    </rPh>
    <rPh sb="8" eb="10">
      <t>カサン</t>
    </rPh>
    <phoneticPr fontId="1"/>
  </si>
  <si>
    <t>2　夜間支援体制加算（Ⅱ）</t>
    <rPh sb="2" eb="4">
      <t>ヤカン</t>
    </rPh>
    <rPh sb="4" eb="6">
      <t>シエン</t>
    </rPh>
    <rPh sb="6" eb="8">
      <t>タイセイ</t>
    </rPh>
    <rPh sb="8" eb="10">
      <t>カサン</t>
    </rPh>
    <phoneticPr fontId="1"/>
  </si>
  <si>
    <t>１　夜間支援体制加算に係る届出内容</t>
    <rPh sb="2" eb="4">
      <t>ヤカン</t>
    </rPh>
    <rPh sb="4" eb="6">
      <t>シエン</t>
    </rPh>
    <phoneticPr fontId="1"/>
  </si>
  <si>
    <t>① 共同生活住居の数</t>
    <rPh sb="2" eb="4">
      <t>キョウドウ</t>
    </rPh>
    <rPh sb="4" eb="6">
      <t>セイカツ</t>
    </rPh>
    <rPh sb="6" eb="8">
      <t>ジュウキョ</t>
    </rPh>
    <rPh sb="9" eb="10">
      <t>カズ</t>
    </rPh>
    <phoneticPr fontId="1"/>
  </si>
  <si>
    <t>ユニット</t>
    <phoneticPr fontId="1"/>
  </si>
  <si>
    <t>② 定員超過利用・人員基準欠如に該当していない。</t>
    <rPh sb="2" eb="4">
      <t>テイイン</t>
    </rPh>
    <rPh sb="4" eb="6">
      <t>チョウカ</t>
    </rPh>
    <rPh sb="6" eb="8">
      <t>リヨウ</t>
    </rPh>
    <rPh sb="9" eb="11">
      <t>ジンイン</t>
    </rPh>
    <rPh sb="11" eb="13">
      <t>キジュン</t>
    </rPh>
    <rPh sb="13" eb="15">
      <t>ケツジョ</t>
    </rPh>
    <rPh sb="16" eb="18">
      <t>ガイトウ</t>
    </rPh>
    <phoneticPr fontId="1"/>
  </si>
  <si>
    <t>③ 共同生活住居１ごとに、夜間及び深夜の時間帯を通じて１の介護従業者を配置している。</t>
    <rPh sb="2" eb="4">
      <t>キョウドウ</t>
    </rPh>
    <rPh sb="4" eb="6">
      <t>セイカツ</t>
    </rPh>
    <rPh sb="6" eb="8">
      <t>ジュウキョ</t>
    </rPh>
    <rPh sb="13" eb="15">
      <t>ヤカン</t>
    </rPh>
    <rPh sb="15" eb="16">
      <t>オヨ</t>
    </rPh>
    <rPh sb="17" eb="19">
      <t>シンヤ</t>
    </rPh>
    <rPh sb="20" eb="23">
      <t>ジカンタイ</t>
    </rPh>
    <rPh sb="24" eb="25">
      <t>ツウ</t>
    </rPh>
    <rPh sb="29" eb="31">
      <t>カイゴ</t>
    </rPh>
    <rPh sb="31" eb="34">
      <t>ジュウギョウシャ</t>
    </rPh>
    <rPh sb="35" eb="37">
      <t>ハイチ</t>
    </rPh>
    <phoneticPr fontId="1"/>
  </si>
  <si>
    <t>④ ③へ加配をしている。</t>
    <phoneticPr fontId="1"/>
  </si>
  <si>
    <t>イ</t>
    <phoneticPr fontId="1"/>
  </si>
  <si>
    <t>常勤換算方法で１人以上の夜勤を行う介護従業者</t>
    <rPh sb="0" eb="2">
      <t>ジョウキン</t>
    </rPh>
    <rPh sb="2" eb="4">
      <t>カンザン</t>
    </rPh>
    <rPh sb="4" eb="6">
      <t>ホウホウ</t>
    </rPh>
    <rPh sb="8" eb="11">
      <t>ニンイジョウ</t>
    </rPh>
    <rPh sb="12" eb="14">
      <t>ヤキン</t>
    </rPh>
    <rPh sb="15" eb="16">
      <t>オコナ</t>
    </rPh>
    <rPh sb="17" eb="19">
      <t>カイゴ</t>
    </rPh>
    <rPh sb="19" eb="22">
      <t>ジュウギョウシャ</t>
    </rPh>
    <phoneticPr fontId="1"/>
  </si>
  <si>
    <t>ロ</t>
    <phoneticPr fontId="1"/>
  </si>
  <si>
    <t>ハ</t>
    <phoneticPr fontId="1"/>
  </si>
  <si>
    <t>事業所内で宿直勤務に当たる者が１以上</t>
    <rPh sb="0" eb="3">
      <t>ジギョウショ</t>
    </rPh>
    <rPh sb="3" eb="4">
      <t>ナイ</t>
    </rPh>
    <rPh sb="5" eb="7">
      <t>シュクチョク</t>
    </rPh>
    <rPh sb="7" eb="9">
      <t>キンム</t>
    </rPh>
    <rPh sb="10" eb="11">
      <t>ア</t>
    </rPh>
    <rPh sb="13" eb="14">
      <t>モノ</t>
    </rPh>
    <phoneticPr fontId="1"/>
  </si>
  <si>
    <t>２　見守り機器等を導入した場合の配置要件に該当する届出項目における必要事項</t>
    <rPh sb="16" eb="18">
      <t>ハイチ</t>
    </rPh>
    <rPh sb="18" eb="20">
      <t>ヨウケン</t>
    </rPh>
    <rPh sb="21" eb="23">
      <t>ガイトウ</t>
    </rPh>
    <rPh sb="25" eb="27">
      <t>トドケデ</t>
    </rPh>
    <rPh sb="27" eb="29">
      <t>コウモク</t>
    </rPh>
    <rPh sb="33" eb="35">
      <t>ヒツヨウ</t>
    </rPh>
    <rPh sb="35" eb="37">
      <t>ジコウ</t>
    </rPh>
    <phoneticPr fontId="1"/>
  </si>
  <si>
    <t>① 利用者数</t>
    <rPh sb="2" eb="4">
      <t>リヨウ</t>
    </rPh>
    <rPh sb="4" eb="5">
      <t>シャ</t>
    </rPh>
    <rPh sb="5" eb="6">
      <t>スウ</t>
    </rPh>
    <phoneticPr fontId="1"/>
  </si>
  <si>
    <t>（別紙48）</t>
    <phoneticPr fontId="1"/>
  </si>
  <si>
    <t>指針整備等の
状況</t>
    <rPh sb="0" eb="2">
      <t>シシン</t>
    </rPh>
    <rPh sb="2" eb="4">
      <t>セイビ</t>
    </rPh>
    <rPh sb="4" eb="5">
      <t>トウ</t>
    </rPh>
    <rPh sb="7" eb="9">
      <t>ジョウキョウ</t>
    </rPh>
    <phoneticPr fontId="1"/>
  </si>
  <si>
    <t>利用者が重度化した場合の対応に係る指針を定めている。</t>
    <rPh sb="0" eb="3">
      <t>リヨウシャ</t>
    </rPh>
    <phoneticPr fontId="1"/>
  </si>
  <si>
    <t>①で定めた指針の内容を、入居に際して利用者又はその家族等に説明し同意を得ている。</t>
    <rPh sb="2" eb="3">
      <t>サダ</t>
    </rPh>
    <rPh sb="27" eb="28">
      <t>トウ</t>
    </rPh>
    <phoneticPr fontId="1"/>
  </si>
  <si>
    <t>看護体制の
状況</t>
    <rPh sb="0" eb="2">
      <t>カンゴ</t>
    </rPh>
    <rPh sb="2" eb="4">
      <t>タイセイ</t>
    </rPh>
    <rPh sb="6" eb="8">
      <t>ジョウキョウ</t>
    </rPh>
    <phoneticPr fontId="1"/>
  </si>
  <si>
    <t>事業所の職員として看護師を常勤換算方法で１名以上配置している。</t>
    <rPh sb="9" eb="12">
      <t>カンゴシ</t>
    </rPh>
    <rPh sb="21" eb="22">
      <t>メイ</t>
    </rPh>
    <rPh sb="24" eb="26">
      <t>ハイチ</t>
    </rPh>
    <phoneticPr fontId="1"/>
  </si>
  <si>
    <t>事業所の職員である看護師又は病院等の看護師との連携により24時間連絡できる体制を確保している。</t>
    <rPh sb="0" eb="3">
      <t>ジギョウショ</t>
    </rPh>
    <rPh sb="4" eb="6">
      <t>ショクイン</t>
    </rPh>
    <rPh sb="9" eb="12">
      <t>カンゴシ</t>
    </rPh>
    <rPh sb="12" eb="13">
      <t>マタ</t>
    </rPh>
    <rPh sb="14" eb="16">
      <t>ビョウイン</t>
    </rPh>
    <rPh sb="16" eb="17">
      <t>トウ</t>
    </rPh>
    <rPh sb="18" eb="21">
      <t>カンゴシ</t>
    </rPh>
    <rPh sb="23" eb="25">
      <t>レンケイ</t>
    </rPh>
    <rPh sb="30" eb="32">
      <t>ジカン</t>
    </rPh>
    <rPh sb="32" eb="34">
      <t>レンラク</t>
    </rPh>
    <rPh sb="37" eb="39">
      <t>タイセイ</t>
    </rPh>
    <rPh sb="40" eb="42">
      <t>カクホ</t>
    </rPh>
    <phoneticPr fontId="1"/>
  </si>
  <si>
    <t>事業所の職員として看護職員を常勤換算方法で１名以上配置している。</t>
    <rPh sb="0" eb="3">
      <t>ジギョウショ</t>
    </rPh>
    <rPh sb="4" eb="6">
      <t>ショクイン</t>
    </rPh>
    <rPh sb="9" eb="11">
      <t>カンゴ</t>
    </rPh>
    <rPh sb="11" eb="13">
      <t>ショクイン</t>
    </rPh>
    <rPh sb="14" eb="16">
      <t>ジョウキン</t>
    </rPh>
    <rPh sb="16" eb="18">
      <t>カンサン</t>
    </rPh>
    <rPh sb="18" eb="20">
      <t>ホウホウ</t>
    </rPh>
    <rPh sb="22" eb="23">
      <t>メイ</t>
    </rPh>
    <rPh sb="23" eb="25">
      <t>イジョウ</t>
    </rPh>
    <rPh sb="25" eb="27">
      <t>ハイチ</t>
    </rPh>
    <phoneticPr fontId="1"/>
  </si>
  <si>
    <t>看護師により24時間連絡できる体制を確保している。</t>
    <rPh sb="0" eb="3">
      <t>カンゴシ</t>
    </rPh>
    <rPh sb="8" eb="10">
      <t>ジカン</t>
    </rPh>
    <rPh sb="10" eb="12">
      <t>レンラク</t>
    </rPh>
    <rPh sb="15" eb="17">
      <t>タイセイ</t>
    </rPh>
    <rPh sb="18" eb="20">
      <t>カクホ</t>
    </rPh>
    <phoneticPr fontId="1"/>
  </si>
  <si>
    <t>※１</t>
    <phoneticPr fontId="1"/>
  </si>
  <si>
    <t>事業所の職員として配置している看護職員が准看護師のみである場合は、病院等の看護師により24時間連絡できる体制を確保することが必要。</t>
    <rPh sb="0" eb="3">
      <t>ジギョウショ</t>
    </rPh>
    <rPh sb="4" eb="6">
      <t>ショクイン</t>
    </rPh>
    <rPh sb="9" eb="11">
      <t>ハイチ</t>
    </rPh>
    <phoneticPr fontId="1"/>
  </si>
  <si>
    <t>※２</t>
    <phoneticPr fontId="1"/>
  </si>
  <si>
    <t>（別紙48－2）</t>
    <phoneticPr fontId="1"/>
  </si>
  <si>
    <t>医療連携体制加算（Ⅱ）に係る届出書（認知症対応型共同生活介護事業所）</t>
    <rPh sb="0" eb="2">
      <t>イリョウ</t>
    </rPh>
    <rPh sb="2" eb="4">
      <t>レンケイ</t>
    </rPh>
    <rPh sb="4" eb="6">
      <t>タイセイ</t>
    </rPh>
    <rPh sb="6" eb="8">
      <t>カサン</t>
    </rPh>
    <rPh sb="12" eb="13">
      <t>カカ</t>
    </rPh>
    <rPh sb="14" eb="17">
      <t>トドケデショ</t>
    </rPh>
    <rPh sb="18" eb="21">
      <t>ニンチショウ</t>
    </rPh>
    <rPh sb="21" eb="24">
      <t>タイオウガタ</t>
    </rPh>
    <rPh sb="24" eb="26">
      <t>キョウドウ</t>
    </rPh>
    <rPh sb="26" eb="28">
      <t>セイカツ</t>
    </rPh>
    <rPh sb="28" eb="30">
      <t>カイゴ</t>
    </rPh>
    <rPh sb="30" eb="33">
      <t>ジギョウショ</t>
    </rPh>
    <phoneticPr fontId="1"/>
  </si>
  <si>
    <t>医療連携体制加算（Ⅱ）に係る届出内容</t>
    <rPh sb="0" eb="2">
      <t>イリョウ</t>
    </rPh>
    <rPh sb="2" eb="4">
      <t>レンケイ</t>
    </rPh>
    <rPh sb="4" eb="6">
      <t>タイセイ</t>
    </rPh>
    <rPh sb="6" eb="8">
      <t>カサン</t>
    </rPh>
    <phoneticPr fontId="1"/>
  </si>
  <si>
    <t>算定日の属する月の前３月間において、下記いずれかに該当する状態の利用者が１人以上である。</t>
    <phoneticPr fontId="1"/>
  </si>
  <si>
    <t>　（ア）喀痰吸引を実施している状態</t>
    <rPh sb="4" eb="6">
      <t>カクタン</t>
    </rPh>
    <rPh sb="6" eb="8">
      <t>キュウイン</t>
    </rPh>
    <rPh sb="9" eb="11">
      <t>ジッシ</t>
    </rPh>
    <rPh sb="15" eb="17">
      <t>ジョウタイ</t>
    </rPh>
    <phoneticPr fontId="1"/>
  </si>
  <si>
    <t>　（イ）呼吸障害等により人工呼吸器を使用している状態</t>
    <phoneticPr fontId="1"/>
  </si>
  <si>
    <t>　（ウ）中心静脈注射を実施している状態</t>
    <rPh sb="4" eb="6">
      <t>チュウシン</t>
    </rPh>
    <rPh sb="6" eb="8">
      <t>ジョウミャク</t>
    </rPh>
    <rPh sb="8" eb="10">
      <t>チュウシャ</t>
    </rPh>
    <rPh sb="11" eb="13">
      <t>ジッシシ</t>
    </rPh>
    <rPh sb="13" eb="19">
      <t>テイルジョウタイ</t>
    </rPh>
    <phoneticPr fontId="1"/>
  </si>
  <si>
    <t>　（エ）人工腎臓を実施している状態</t>
    <phoneticPr fontId="1"/>
  </si>
  <si>
    <t>　（オ）重篤な心機能障害、呼吸障害等により常時モニター測定を実施している状態</t>
    <rPh sb="4" eb="6">
      <t>ジュウトク</t>
    </rPh>
    <rPh sb="7" eb="8">
      <t>ココロ</t>
    </rPh>
    <rPh sb="8" eb="10">
      <t>キノウ</t>
    </rPh>
    <rPh sb="10" eb="12">
      <t>ショウガイ</t>
    </rPh>
    <rPh sb="13" eb="15">
      <t>コキュウ</t>
    </rPh>
    <rPh sb="15" eb="17">
      <t>ショウガイ</t>
    </rPh>
    <rPh sb="17" eb="18">
      <t>トウ</t>
    </rPh>
    <rPh sb="21" eb="23">
      <t>ジョウジ</t>
    </rPh>
    <rPh sb="27" eb="29">
      <t>ソクテイ</t>
    </rPh>
    <rPh sb="30" eb="32">
      <t>ジッシ</t>
    </rPh>
    <rPh sb="36" eb="38">
      <t>ジョウタイ</t>
    </rPh>
    <phoneticPr fontId="1"/>
  </si>
  <si>
    <t>　（カ）人工膀胱又は人工肛門の処置を実施している状態</t>
    <rPh sb="4" eb="6">
      <t>ジンコウ</t>
    </rPh>
    <rPh sb="6" eb="8">
      <t>ボウコウ</t>
    </rPh>
    <rPh sb="8" eb="9">
      <t>マタ</t>
    </rPh>
    <rPh sb="10" eb="12">
      <t>ジンコウ</t>
    </rPh>
    <rPh sb="12" eb="14">
      <t>コウモン</t>
    </rPh>
    <rPh sb="15" eb="17">
      <t>ショチ</t>
    </rPh>
    <rPh sb="18" eb="20">
      <t>ジッシ</t>
    </rPh>
    <rPh sb="24" eb="26">
      <t>ジョウタイ</t>
    </rPh>
    <phoneticPr fontId="1"/>
  </si>
  <si>
    <t>　（キ）経鼻胃管や胃瘻等の経腸栄養が行われている状態</t>
    <rPh sb="4" eb="6">
      <t>ケイビ</t>
    </rPh>
    <rPh sb="6" eb="7">
      <t>イ</t>
    </rPh>
    <rPh sb="7" eb="8">
      <t>カン</t>
    </rPh>
    <rPh sb="9" eb="11">
      <t>イロウ</t>
    </rPh>
    <rPh sb="11" eb="12">
      <t>トウ</t>
    </rPh>
    <rPh sb="13" eb="15">
      <t>ケイチョウ</t>
    </rPh>
    <rPh sb="15" eb="17">
      <t>エイヨウ</t>
    </rPh>
    <rPh sb="18" eb="19">
      <t>オコナ</t>
    </rPh>
    <rPh sb="24" eb="26">
      <t>ジョウタイ</t>
    </rPh>
    <phoneticPr fontId="1"/>
  </si>
  <si>
    <t>　（ク）褥瘡に対する治療を実施している状態</t>
    <rPh sb="4" eb="6">
      <t>ジョクソウ</t>
    </rPh>
    <rPh sb="7" eb="8">
      <t>タイ</t>
    </rPh>
    <rPh sb="10" eb="12">
      <t>チリョウ</t>
    </rPh>
    <rPh sb="13" eb="15">
      <t>ジッシ</t>
    </rPh>
    <rPh sb="19" eb="21">
      <t>ジョウタイ</t>
    </rPh>
    <phoneticPr fontId="1"/>
  </si>
  <si>
    <t>　（ケ）気管切開が行われている状態</t>
    <rPh sb="4" eb="6">
      <t>キカン</t>
    </rPh>
    <rPh sb="6" eb="8">
      <t>セッカイ</t>
    </rPh>
    <rPh sb="9" eb="10">
      <t>オコナ</t>
    </rPh>
    <rPh sb="15" eb="17">
      <t>ジョウタイ</t>
    </rPh>
    <phoneticPr fontId="1"/>
  </si>
  <si>
    <t>　（コ）留置カテーテルを使用している状態</t>
    <rPh sb="4" eb="6">
      <t>リュウチ</t>
    </rPh>
    <rPh sb="12" eb="14">
      <t>シヨウ</t>
    </rPh>
    <rPh sb="18" eb="20">
      <t>ジョウタイ</t>
    </rPh>
    <phoneticPr fontId="1"/>
  </si>
  <si>
    <t>　（サ）インスリン注射を実施している状態</t>
    <rPh sb="9" eb="11">
      <t>チュウシャ</t>
    </rPh>
    <rPh sb="12" eb="14">
      <t>ジッシ</t>
    </rPh>
    <rPh sb="18" eb="20">
      <t>ジョウタイ</t>
    </rPh>
    <phoneticPr fontId="1"/>
  </si>
  <si>
    <t>主たる事務所の所在地</t>
  </si>
  <si>
    <t>（別紙34）</t>
    <phoneticPr fontId="1"/>
  </si>
  <si>
    <t>1 （介護予防）特定施設入居者生活介護</t>
    <rPh sb="3" eb="5">
      <t>カイゴ</t>
    </rPh>
    <rPh sb="5" eb="7">
      <t>ヨボウ</t>
    </rPh>
    <phoneticPr fontId="1"/>
  </si>
  <si>
    <t>3 （介護予防）認知症対応型共同生活介護</t>
    <rPh sb="3" eb="5">
      <t>カイゴ</t>
    </rPh>
    <rPh sb="5" eb="7">
      <t>ヨボウ</t>
    </rPh>
    <phoneticPr fontId="1"/>
  </si>
  <si>
    <t>4　介護老人福祉施設</t>
    <rPh sb="2" eb="4">
      <t>カイゴ</t>
    </rPh>
    <rPh sb="4" eb="6">
      <t>ロウジン</t>
    </rPh>
    <rPh sb="6" eb="8">
      <t>フクシ</t>
    </rPh>
    <rPh sb="8" eb="10">
      <t>シセツ</t>
    </rPh>
    <phoneticPr fontId="1"/>
  </si>
  <si>
    <r>
      <t>5　</t>
    </r>
    <r>
      <rPr>
        <sz val="10"/>
        <rFont val="HGSｺﾞｼｯｸM"/>
        <family val="3"/>
        <charset val="128"/>
      </rPr>
      <t>地域密着型介護老人福祉施設入所者生活介護</t>
    </r>
    <rPh sb="2" eb="4">
      <t>チイキ</t>
    </rPh>
    <rPh sb="4" eb="7">
      <t>ミッチャクガタ</t>
    </rPh>
    <rPh sb="7" eb="9">
      <t>カイゴ</t>
    </rPh>
    <rPh sb="9" eb="11">
      <t>ロウジン</t>
    </rPh>
    <rPh sb="11" eb="13">
      <t>フクシ</t>
    </rPh>
    <rPh sb="13" eb="15">
      <t>シセツ</t>
    </rPh>
    <rPh sb="15" eb="18">
      <t>ニュウショシャ</t>
    </rPh>
    <rPh sb="18" eb="20">
      <t>セイカツ</t>
    </rPh>
    <rPh sb="20" eb="22">
      <t>カイゴ</t>
    </rPh>
    <phoneticPr fontId="1"/>
  </si>
  <si>
    <t>6　介護老人保健施設</t>
    <rPh sb="2" eb="4">
      <t>カイゴ</t>
    </rPh>
    <rPh sb="4" eb="6">
      <t>ロウジン</t>
    </rPh>
    <rPh sb="6" eb="8">
      <t>ホケン</t>
    </rPh>
    <rPh sb="8" eb="10">
      <t>シセツ</t>
    </rPh>
    <phoneticPr fontId="1"/>
  </si>
  <si>
    <t>1　高齢者施設等感染対策向上加算（Ⅰ）</t>
    <rPh sb="2" eb="5">
      <t>コウレイシャ</t>
    </rPh>
    <rPh sb="5" eb="7">
      <t>シセツ</t>
    </rPh>
    <rPh sb="7" eb="8">
      <t>トウ</t>
    </rPh>
    <rPh sb="8" eb="10">
      <t>カンセン</t>
    </rPh>
    <rPh sb="10" eb="12">
      <t>タイサク</t>
    </rPh>
    <rPh sb="12" eb="14">
      <t>コウジョウ</t>
    </rPh>
    <rPh sb="14" eb="16">
      <t>カサン</t>
    </rPh>
    <phoneticPr fontId="1"/>
  </si>
  <si>
    <t>2　高齢者施設等感染対策向上加算（Ⅱ）</t>
    <phoneticPr fontId="1"/>
  </si>
  <si>
    <t>5　高齢者施設等感染対策向上加算（Ⅰ）に係る届出</t>
    <rPh sb="2" eb="5">
      <t>コウレイシャ</t>
    </rPh>
    <rPh sb="5" eb="7">
      <t>シセツ</t>
    </rPh>
    <rPh sb="7" eb="8">
      <t>トウ</t>
    </rPh>
    <rPh sb="8" eb="10">
      <t>カンセン</t>
    </rPh>
    <rPh sb="10" eb="12">
      <t>タイサク</t>
    </rPh>
    <rPh sb="12" eb="14">
      <t>コウジョウ</t>
    </rPh>
    <rPh sb="14" eb="16">
      <t>カサン</t>
    </rPh>
    <rPh sb="20" eb="21">
      <t>カカワ</t>
    </rPh>
    <rPh sb="22" eb="24">
      <t>トドケデ</t>
    </rPh>
    <phoneticPr fontId="1"/>
  </si>
  <si>
    <t>連携している第二種協定指定医療機関</t>
    <rPh sb="0" eb="2">
      <t>レンケイ</t>
    </rPh>
    <rPh sb="6" eb="17">
      <t>ダイニシュキョウテイシテイイリョウキカン</t>
    </rPh>
    <phoneticPr fontId="1"/>
  </si>
  <si>
    <t>医療機関名</t>
    <rPh sb="0" eb="2">
      <t>イリョウキカンメイ</t>
    </rPh>
    <phoneticPr fontId="1"/>
  </si>
  <si>
    <t>医療機関コード</t>
    <rPh sb="0" eb="2">
      <t>イリョウ</t>
    </rPh>
    <rPh sb="2" eb="4">
      <t>キカン</t>
    </rPh>
    <phoneticPr fontId="1"/>
  </si>
  <si>
    <t>院内感染対策の研修または訓練を行った医療機関または地域の医師会</t>
    <rPh sb="0" eb="6">
      <t>インナイカンセンタイサク</t>
    </rPh>
    <rPh sb="7" eb="9">
      <t>ケンシュウ</t>
    </rPh>
    <rPh sb="12" eb="14">
      <t>クンレン</t>
    </rPh>
    <rPh sb="15" eb="16">
      <t>オコナ</t>
    </rPh>
    <rPh sb="18" eb="20">
      <t>イリョウ</t>
    </rPh>
    <rPh sb="20" eb="22">
      <t>キカン</t>
    </rPh>
    <rPh sb="25" eb="27">
      <t>チイキ</t>
    </rPh>
    <rPh sb="28" eb="31">
      <t>イシカイ</t>
    </rPh>
    <phoneticPr fontId="1"/>
  </si>
  <si>
    <t>　　　　医療機関名（※１）</t>
    <rPh sb="4" eb="6">
      <t>イリョウキカンメイ</t>
    </rPh>
    <phoneticPr fontId="1"/>
  </si>
  <si>
    <t>医療機関が届け出ている診療報酬</t>
    <rPh sb="0" eb="2">
      <t>イリョウ</t>
    </rPh>
    <rPh sb="2" eb="4">
      <t>キカン</t>
    </rPh>
    <rPh sb="5" eb="6">
      <t>トド</t>
    </rPh>
    <rPh sb="7" eb="8">
      <t>デ</t>
    </rPh>
    <rPh sb="11" eb="13">
      <t>シンリョウ</t>
    </rPh>
    <rPh sb="13" eb="15">
      <t>ホウシュウ</t>
    </rPh>
    <phoneticPr fontId="1"/>
  </si>
  <si>
    <t>1 感染対策向上加算１</t>
    <rPh sb="2" eb="4">
      <t>カンセン</t>
    </rPh>
    <rPh sb="4" eb="6">
      <t>タイサク</t>
    </rPh>
    <rPh sb="6" eb="8">
      <t>コウジョウ</t>
    </rPh>
    <rPh sb="8" eb="10">
      <t>カサン</t>
    </rPh>
    <phoneticPr fontId="1"/>
  </si>
  <si>
    <t>2 感染対策向上加算２</t>
    <rPh sb="2" eb="4">
      <t>カンセン</t>
    </rPh>
    <rPh sb="4" eb="6">
      <t>タイサク</t>
    </rPh>
    <rPh sb="6" eb="8">
      <t>コウジョウ</t>
    </rPh>
    <rPh sb="8" eb="10">
      <t>カサン</t>
    </rPh>
    <phoneticPr fontId="1"/>
  </si>
  <si>
    <t>3 感染対策向上加算３</t>
    <rPh sb="2" eb="4">
      <t>カンセン</t>
    </rPh>
    <rPh sb="4" eb="6">
      <t>タイサク</t>
    </rPh>
    <rPh sb="6" eb="8">
      <t>コウジョウ</t>
    </rPh>
    <rPh sb="8" eb="10">
      <t>カサン</t>
    </rPh>
    <phoneticPr fontId="1"/>
  </si>
  <si>
    <t>4 外来感染対策向上加算</t>
    <rPh sb="2" eb="4">
      <t>ガイライ</t>
    </rPh>
    <rPh sb="4" eb="6">
      <t>カンセン</t>
    </rPh>
    <rPh sb="6" eb="8">
      <t>タイサク</t>
    </rPh>
    <rPh sb="8" eb="10">
      <t>コウジョウ</t>
    </rPh>
    <rPh sb="10" eb="12">
      <t>カサン</t>
    </rPh>
    <phoneticPr fontId="1"/>
  </si>
  <si>
    <t>地域の医師会の名称（※１）</t>
    <rPh sb="0" eb="2">
      <t>チイキ</t>
    </rPh>
    <rPh sb="3" eb="6">
      <t>イシカイ</t>
    </rPh>
    <rPh sb="7" eb="9">
      <t>メイショウ</t>
    </rPh>
    <phoneticPr fontId="1"/>
  </si>
  <si>
    <t>院内感染対策に関する研修又は訓練に参加した日時</t>
    <phoneticPr fontId="1"/>
  </si>
  <si>
    <t>6　高齢者施設等感染対策向上加算（Ⅱ）に係る届出</t>
    <rPh sb="20" eb="21">
      <t>カカ</t>
    </rPh>
    <rPh sb="22" eb="24">
      <t>トドケデ</t>
    </rPh>
    <phoneticPr fontId="1"/>
  </si>
  <si>
    <t>施設内で感染者が発生した場合の対応に係る実地指導を行った医療機関の名称</t>
    <rPh sb="0" eb="3">
      <t>シセツナイ</t>
    </rPh>
    <rPh sb="4" eb="7">
      <t>カンセンシャ</t>
    </rPh>
    <rPh sb="8" eb="10">
      <t>ハッセイ</t>
    </rPh>
    <rPh sb="12" eb="14">
      <t>バアイ</t>
    </rPh>
    <rPh sb="15" eb="17">
      <t>タイオウ</t>
    </rPh>
    <rPh sb="18" eb="19">
      <t>カカ</t>
    </rPh>
    <rPh sb="20" eb="22">
      <t>ジッチ</t>
    </rPh>
    <rPh sb="22" eb="24">
      <t>シドウ</t>
    </rPh>
    <rPh sb="25" eb="26">
      <t>オコナ</t>
    </rPh>
    <rPh sb="28" eb="30">
      <t>イリョウ</t>
    </rPh>
    <rPh sb="30" eb="32">
      <t>キカン</t>
    </rPh>
    <rPh sb="33" eb="35">
      <t>メイショウ</t>
    </rPh>
    <phoneticPr fontId="1"/>
  </si>
  <si>
    <t>実地指導を受けた日時</t>
    <rPh sb="0" eb="2">
      <t>ジッチ</t>
    </rPh>
    <rPh sb="2" eb="4">
      <t>シドウ</t>
    </rPh>
    <rPh sb="5" eb="6">
      <t>ウ</t>
    </rPh>
    <rPh sb="8" eb="10">
      <t>ニチジ</t>
    </rPh>
    <phoneticPr fontId="1"/>
  </si>
  <si>
    <t>高齢者施設等感染対策向上加算（Ⅱ）で実地指導を行う医療機関等は、診療報酬の感染対策向上加算に係る届出を行っている必要がある。</t>
    <rPh sb="18" eb="20">
      <t>ジッチ</t>
    </rPh>
    <rPh sb="20" eb="22">
      <t>シドウ</t>
    </rPh>
    <rPh sb="23" eb="24">
      <t>オコナ</t>
    </rPh>
    <rPh sb="25" eb="27">
      <t>イリョウ</t>
    </rPh>
    <rPh sb="27" eb="29">
      <t>キカン</t>
    </rPh>
    <rPh sb="29" eb="30">
      <t>トウ</t>
    </rPh>
    <rPh sb="32" eb="34">
      <t>シンリョウ</t>
    </rPh>
    <rPh sb="34" eb="36">
      <t>ホウシュウ</t>
    </rPh>
    <rPh sb="37" eb="39">
      <t>カンセン</t>
    </rPh>
    <rPh sb="39" eb="41">
      <t>タイサク</t>
    </rPh>
    <rPh sb="41" eb="43">
      <t>コウジョウ</t>
    </rPh>
    <rPh sb="43" eb="45">
      <t>カサン</t>
    </rPh>
    <rPh sb="46" eb="47">
      <t>カカ</t>
    </rPh>
    <rPh sb="48" eb="50">
      <t>トドケデ</t>
    </rPh>
    <rPh sb="51" eb="52">
      <t>オコナ</t>
    </rPh>
    <rPh sb="56" eb="58">
      <t>ヒツヨウ</t>
    </rPh>
    <phoneticPr fontId="1"/>
  </si>
  <si>
    <t>高齢者施設等感染対策向上加算（Ⅰ）及び（Ⅱ）は併算定が可能である。</t>
    <rPh sb="17" eb="18">
      <t>オヨ</t>
    </rPh>
    <rPh sb="23" eb="24">
      <t>ヘイ</t>
    </rPh>
    <rPh sb="24" eb="26">
      <t>サンテイ</t>
    </rPh>
    <rPh sb="27" eb="29">
      <t>カノウ</t>
    </rPh>
    <phoneticPr fontId="1"/>
  </si>
  <si>
    <t>備考４</t>
    <phoneticPr fontId="1"/>
  </si>
  <si>
    <t>「院内感染対策の研修または訓練を行った医療機関または地域の医師会」については、医療機関名又は地域の医師会の名称のいずれかを記載してください。医療機関名を記載する場合には、当該医療機関が届け出ている診療報酬の種類を併せて記載してください。</t>
    <rPh sb="39" eb="41">
      <t>イリョウ</t>
    </rPh>
    <rPh sb="41" eb="44">
      <t>キカンメイ</t>
    </rPh>
    <rPh sb="44" eb="45">
      <t>マタ</t>
    </rPh>
    <rPh sb="46" eb="48">
      <t>チイキ</t>
    </rPh>
    <rPh sb="49" eb="52">
      <t>イシカイ</t>
    </rPh>
    <rPh sb="53" eb="55">
      <t>メイショウ</t>
    </rPh>
    <rPh sb="70" eb="72">
      <t>イリョウ</t>
    </rPh>
    <rPh sb="72" eb="75">
      <t>キカンメイ</t>
    </rPh>
    <rPh sb="80" eb="82">
      <t>バアイ</t>
    </rPh>
    <rPh sb="85" eb="87">
      <t>トウガイ</t>
    </rPh>
    <rPh sb="87" eb="89">
      <t>イリョウ</t>
    </rPh>
    <rPh sb="89" eb="91">
      <t>キカン</t>
    </rPh>
    <rPh sb="92" eb="93">
      <t>トド</t>
    </rPh>
    <rPh sb="94" eb="95">
      <t>デ</t>
    </rPh>
    <rPh sb="98" eb="100">
      <t>シンリョウ</t>
    </rPh>
    <rPh sb="100" eb="102">
      <t>ホウシュウ</t>
    </rPh>
    <rPh sb="103" eb="105">
      <t>シュルイ</t>
    </rPh>
    <rPh sb="106" eb="107">
      <t>アワ</t>
    </rPh>
    <phoneticPr fontId="1"/>
  </si>
  <si>
    <t>（※１）</t>
    <phoneticPr fontId="1"/>
  </si>
  <si>
    <t>研修若しくは訓練を行った医療機関又は地域の医師会のいずれかを記載してください。</t>
    <rPh sb="2" eb="3">
      <t>モ</t>
    </rPh>
    <rPh sb="16" eb="17">
      <t>マタ</t>
    </rPh>
    <rPh sb="30" eb="32">
      <t>キサイ</t>
    </rPh>
    <phoneticPr fontId="1"/>
  </si>
  <si>
    <t>（別紙27）</t>
    <phoneticPr fontId="1"/>
  </si>
  <si>
    <t>令和　　年　　月　　日</t>
    <rPh sb="4" eb="5">
      <t>ネン</t>
    </rPh>
    <rPh sb="7" eb="8">
      <t>ガツ</t>
    </rPh>
    <rPh sb="10" eb="11">
      <t>ニチ</t>
    </rPh>
    <phoneticPr fontId="1"/>
  </si>
  <si>
    <t>生産性向上推進体制加算に係る届出書</t>
    <rPh sb="0" eb="3">
      <t>セイサンセイ</t>
    </rPh>
    <rPh sb="3" eb="11">
      <t>コウジョウスイシンタイセイカサン</t>
    </rPh>
    <rPh sb="9" eb="11">
      <t>カサン</t>
    </rPh>
    <rPh sb="12" eb="13">
      <t>カカ</t>
    </rPh>
    <rPh sb="14" eb="17">
      <t>トドケデショ</t>
    </rPh>
    <phoneticPr fontId="1"/>
  </si>
  <si>
    <t>　1　新規　2　変更　3　終了</t>
    <phoneticPr fontId="1"/>
  </si>
  <si>
    <t>１　短期入所生活介護</t>
    <rPh sb="2" eb="6">
      <t>タンキニュウショ</t>
    </rPh>
    <rPh sb="6" eb="8">
      <t>セイカツ</t>
    </rPh>
    <rPh sb="8" eb="10">
      <t>カイゴ</t>
    </rPh>
    <phoneticPr fontId="1"/>
  </si>
  <si>
    <t>２　短期入所療養介護</t>
    <rPh sb="2" eb="4">
      <t>タンキ</t>
    </rPh>
    <rPh sb="4" eb="6">
      <t>ニュウショ</t>
    </rPh>
    <rPh sb="6" eb="8">
      <t>リョウヨウ</t>
    </rPh>
    <rPh sb="8" eb="10">
      <t>カイゴ</t>
    </rPh>
    <phoneticPr fontId="1"/>
  </si>
  <si>
    <t>３　特定施設入居者生活介護</t>
    <phoneticPr fontId="1"/>
  </si>
  <si>
    <t>４　小規模多機能型居宅介護</t>
    <phoneticPr fontId="1"/>
  </si>
  <si>
    <t>５　認知症対応型共同生活介護</t>
    <phoneticPr fontId="1"/>
  </si>
  <si>
    <t>６　地域密着型特定施設入居者生活介護</t>
    <rPh sb="2" eb="7">
      <t>チイキミッチャクガタ</t>
    </rPh>
    <phoneticPr fontId="1"/>
  </si>
  <si>
    <t>７　地域密着型介護老人福祉施設</t>
    <phoneticPr fontId="1"/>
  </si>
  <si>
    <t>８　看護小規模多機能型居宅介護</t>
    <phoneticPr fontId="1"/>
  </si>
  <si>
    <t>９　介護老人福祉施設</t>
    <phoneticPr fontId="1"/>
  </si>
  <si>
    <t>10　介護老人保健施設</t>
    <rPh sb="3" eb="5">
      <t>カイゴ</t>
    </rPh>
    <rPh sb="5" eb="7">
      <t>ロウジン</t>
    </rPh>
    <rPh sb="7" eb="9">
      <t>ホケン</t>
    </rPh>
    <rPh sb="9" eb="11">
      <t>シセツ</t>
    </rPh>
    <phoneticPr fontId="1"/>
  </si>
  <si>
    <t>11　介護医療院</t>
    <rPh sb="3" eb="5">
      <t>カイゴ</t>
    </rPh>
    <rPh sb="5" eb="7">
      <t>イリョウ</t>
    </rPh>
    <rPh sb="7" eb="8">
      <t>イン</t>
    </rPh>
    <phoneticPr fontId="1"/>
  </si>
  <si>
    <t>12　介護予防短期入所生活介護</t>
    <rPh sb="3" eb="5">
      <t>カイゴ</t>
    </rPh>
    <rPh sb="5" eb="7">
      <t>ヨボウ</t>
    </rPh>
    <rPh sb="7" eb="15">
      <t>タンキニュウショセイカツカイゴ</t>
    </rPh>
    <phoneticPr fontId="1"/>
  </si>
  <si>
    <t>13　介護予防短期入所療養介護</t>
    <rPh sb="3" eb="5">
      <t>カイゴ</t>
    </rPh>
    <rPh sb="5" eb="7">
      <t>ヨボウ</t>
    </rPh>
    <rPh sb="7" eb="9">
      <t>タンキ</t>
    </rPh>
    <rPh sb="9" eb="11">
      <t>ニュウショ</t>
    </rPh>
    <rPh sb="11" eb="13">
      <t>リョウヨウ</t>
    </rPh>
    <rPh sb="13" eb="15">
      <t>カイゴ</t>
    </rPh>
    <phoneticPr fontId="1"/>
  </si>
  <si>
    <t>14　介護予防特定施設入居者生活介護</t>
    <phoneticPr fontId="1"/>
  </si>
  <si>
    <t>15　介護予防小規模多機能型居宅介護</t>
    <phoneticPr fontId="1"/>
  </si>
  <si>
    <t>16　介護予防認知症対応型共同生活介護</t>
    <phoneticPr fontId="1"/>
  </si>
  <si>
    <t>届出区分</t>
    <rPh sb="0" eb="2">
      <t>トドケデ</t>
    </rPh>
    <rPh sb="2" eb="4">
      <t>クブン</t>
    </rPh>
    <phoneticPr fontId="1"/>
  </si>
  <si>
    <t>１　生産性向上推進体制加算（Ⅰ）　２　生産性向上推進体制加算（Ⅱ）</t>
    <phoneticPr fontId="1"/>
  </si>
  <si>
    <t>生産性向上推進体制加算（Ⅰ）に係る届出</t>
    <rPh sb="0" eb="3">
      <t>セイサンセイ</t>
    </rPh>
    <rPh sb="3" eb="5">
      <t>コウジョウ</t>
    </rPh>
    <rPh sb="5" eb="7">
      <t>スイシン</t>
    </rPh>
    <rPh sb="7" eb="9">
      <t>タイセイ</t>
    </rPh>
    <rPh sb="9" eb="11">
      <t>カサン</t>
    </rPh>
    <rPh sb="15" eb="16">
      <t>カカ</t>
    </rPh>
    <rPh sb="17" eb="18">
      <t>トド</t>
    </rPh>
    <rPh sb="18" eb="19">
      <t>デ</t>
    </rPh>
    <phoneticPr fontId="1"/>
  </si>
  <si>
    <t>① 加算（Ⅱ）のデータ等により業務改善の取組による成果を確認</t>
    <phoneticPr fontId="1"/>
  </si>
  <si>
    <t>② 以下のⅰ～ⅲの項目の機器をすべて使用</t>
    <rPh sb="2" eb="4">
      <t>イカ</t>
    </rPh>
    <rPh sb="9" eb="11">
      <t>コウモク</t>
    </rPh>
    <rPh sb="12" eb="14">
      <t>キキ</t>
    </rPh>
    <rPh sb="18" eb="20">
      <t>シヨウ</t>
    </rPh>
    <phoneticPr fontId="1"/>
  </si>
  <si>
    <t>　ⅰ入所（利用）者全員に見守り機器を使用</t>
    <rPh sb="2" eb="4">
      <t>ニュウショ</t>
    </rPh>
    <rPh sb="5" eb="7">
      <t>リヨウ</t>
    </rPh>
    <rPh sb="8" eb="9">
      <t>シャ</t>
    </rPh>
    <rPh sb="9" eb="11">
      <t>ゼンイン</t>
    </rPh>
    <rPh sb="12" eb="14">
      <t>ミマモ</t>
    </rPh>
    <rPh sb="15" eb="17">
      <t>キキ</t>
    </rPh>
    <rPh sb="18" eb="20">
      <t>シヨウ</t>
    </rPh>
    <phoneticPr fontId="1"/>
  </si>
  <si>
    <t xml:space="preserve">　ⅱ 職員全員がインカム等のICTを使用 </t>
    <rPh sb="3" eb="5">
      <t>ショクイン</t>
    </rPh>
    <rPh sb="5" eb="7">
      <t>ゼンイン</t>
    </rPh>
    <rPh sb="12" eb="13">
      <t>トウ</t>
    </rPh>
    <rPh sb="18" eb="20">
      <t>シヨウ</t>
    </rPh>
    <phoneticPr fontId="1"/>
  </si>
  <si>
    <t>　ⅲ 介護記録ソフト、スマートフォン等の介護記録の作成の効率化に</t>
    <rPh sb="3" eb="5">
      <t>カイゴ</t>
    </rPh>
    <rPh sb="5" eb="7">
      <t>キロク</t>
    </rPh>
    <rPh sb="18" eb="19">
      <t>トウ</t>
    </rPh>
    <rPh sb="20" eb="22">
      <t>カイゴ</t>
    </rPh>
    <rPh sb="22" eb="24">
      <t>キロク</t>
    </rPh>
    <rPh sb="25" eb="27">
      <t>サクセイ</t>
    </rPh>
    <rPh sb="28" eb="31">
      <t>コウリツカ</t>
    </rPh>
    <phoneticPr fontId="1"/>
  </si>
  <si>
    <t xml:space="preserve">  資するICTを使用 </t>
    <phoneticPr fontId="1"/>
  </si>
  <si>
    <t>（導入機器）</t>
    <rPh sb="1" eb="3">
      <t>ドウニュウ</t>
    </rPh>
    <rPh sb="3" eb="5">
      <t>キキ</t>
    </rPh>
    <phoneticPr fontId="1"/>
  </si>
  <si>
    <t>③ 職員間の適切な役割分担（いわゆる介護助手の活用等）の取組等を実施</t>
    <rPh sb="2" eb="4">
      <t>ショクイン</t>
    </rPh>
    <rPh sb="4" eb="5">
      <t>アイダ</t>
    </rPh>
    <rPh sb="6" eb="8">
      <t>テキセツ</t>
    </rPh>
    <rPh sb="9" eb="11">
      <t>ヤクワリ</t>
    </rPh>
    <rPh sb="11" eb="13">
      <t>ブンタン</t>
    </rPh>
    <rPh sb="18" eb="20">
      <t>カイゴ</t>
    </rPh>
    <rPh sb="20" eb="22">
      <t>ジョシュ</t>
    </rPh>
    <rPh sb="23" eb="25">
      <t>カツヨウ</t>
    </rPh>
    <rPh sb="25" eb="26">
      <t>ナド</t>
    </rPh>
    <rPh sb="28" eb="30">
      <t>トリクミ</t>
    </rPh>
    <rPh sb="30" eb="31">
      <t>ナド</t>
    </rPh>
    <rPh sb="32" eb="34">
      <t>ジッシ</t>
    </rPh>
    <phoneticPr fontId="1"/>
  </si>
  <si>
    <t>ⅰ ②の機器を利用する場合における利用者の安全やケアの質の確保</t>
    <rPh sb="4" eb="6">
      <t>キキ</t>
    </rPh>
    <rPh sb="7" eb="9">
      <t>リヨウ</t>
    </rPh>
    <rPh sb="11" eb="13">
      <t>バアイ</t>
    </rPh>
    <rPh sb="17" eb="20">
      <t>リヨウシャ</t>
    </rPh>
    <rPh sb="21" eb="23">
      <t>アンゼン</t>
    </rPh>
    <rPh sb="27" eb="28">
      <t>シツ</t>
    </rPh>
    <rPh sb="29" eb="31">
      <t>カクホ</t>
    </rPh>
    <phoneticPr fontId="1"/>
  </si>
  <si>
    <t>生産性向上推進体制加算（Ⅱ）に係る届出</t>
    <rPh sb="0" eb="3">
      <t>セイサンセイ</t>
    </rPh>
    <rPh sb="3" eb="11">
      <t>コウジョウスイシンタイセイカサン</t>
    </rPh>
    <rPh sb="15" eb="16">
      <t>カカ</t>
    </rPh>
    <rPh sb="17" eb="19">
      <t>トドケデ</t>
    </rPh>
    <phoneticPr fontId="1"/>
  </si>
  <si>
    <t>① 以下のⅰ～ⅲの項目の機器のうち１つ以上を使用</t>
    <rPh sb="2" eb="4">
      <t>イカ</t>
    </rPh>
    <rPh sb="9" eb="11">
      <t>コウモク</t>
    </rPh>
    <rPh sb="12" eb="14">
      <t>キキ</t>
    </rPh>
    <rPh sb="19" eb="21">
      <t>イジョウ</t>
    </rPh>
    <rPh sb="22" eb="24">
      <t>シヨウ</t>
    </rPh>
    <phoneticPr fontId="1"/>
  </si>
  <si>
    <t>　ⅰ入所（利用）者１名以上に見守り機器を使用</t>
    <rPh sb="2" eb="4">
      <t>ニュウショ</t>
    </rPh>
    <rPh sb="5" eb="7">
      <t>リヨウ</t>
    </rPh>
    <rPh sb="8" eb="9">
      <t>シャ</t>
    </rPh>
    <rPh sb="10" eb="11">
      <t>メイ</t>
    </rPh>
    <rPh sb="11" eb="13">
      <t>イジョウ</t>
    </rPh>
    <rPh sb="14" eb="16">
      <t>ミマモ</t>
    </rPh>
    <rPh sb="17" eb="19">
      <t>キキ</t>
    </rPh>
    <rPh sb="20" eb="22">
      <t>シヨウ</t>
    </rPh>
    <phoneticPr fontId="1"/>
  </si>
  <si>
    <t>　入所（利用）者数</t>
    <rPh sb="1" eb="3">
      <t>ニュウショ</t>
    </rPh>
    <rPh sb="4" eb="6">
      <t>リヨウ</t>
    </rPh>
    <rPh sb="7" eb="8">
      <t>シャ</t>
    </rPh>
    <rPh sb="8" eb="9">
      <t>スウ</t>
    </rPh>
    <phoneticPr fontId="1"/>
  </si>
  <si>
    <t>　見守り機器を導入して見守りを行っている対象者数</t>
    <phoneticPr fontId="1"/>
  </si>
  <si>
    <t>② 委員会において、以下のすべての項目について必要な検討を行い、当該項目の実施を確認</t>
    <rPh sb="10" eb="12">
      <t>イカ</t>
    </rPh>
    <rPh sb="17" eb="19">
      <t>コウモク</t>
    </rPh>
    <rPh sb="23" eb="25">
      <t>ヒツヨウ</t>
    </rPh>
    <rPh sb="26" eb="28">
      <t>ケントウ</t>
    </rPh>
    <rPh sb="29" eb="30">
      <t>オコナ</t>
    </rPh>
    <rPh sb="32" eb="34">
      <t>トウガイ</t>
    </rPh>
    <rPh sb="34" eb="36">
      <t>コウモク</t>
    </rPh>
    <rPh sb="37" eb="39">
      <t>ジッシ</t>
    </rPh>
    <rPh sb="40" eb="42">
      <t>カクニン</t>
    </rPh>
    <phoneticPr fontId="1"/>
  </si>
  <si>
    <t>ⅰ ①の機器を利用する場合における利用者の安全やケアの質の確保</t>
    <rPh sb="4" eb="6">
      <t>キキ</t>
    </rPh>
    <rPh sb="7" eb="9">
      <t>リヨウ</t>
    </rPh>
    <rPh sb="11" eb="13">
      <t>バアイ</t>
    </rPh>
    <rPh sb="17" eb="20">
      <t>リヨウシャ</t>
    </rPh>
    <rPh sb="21" eb="23">
      <t>アンゼン</t>
    </rPh>
    <rPh sb="27" eb="28">
      <t>シツ</t>
    </rPh>
    <rPh sb="29" eb="31">
      <t>カクホ</t>
    </rPh>
    <phoneticPr fontId="1"/>
  </si>
  <si>
    <t>備考１　加算（Ⅰ）の要件①については、当該要件に係る各種指標に関する調査結果のデータを提出すること。</t>
    <rPh sb="0" eb="2">
      <t>ビコウ</t>
    </rPh>
    <rPh sb="4" eb="6">
      <t>カサン</t>
    </rPh>
    <rPh sb="10" eb="12">
      <t>ヨウケン</t>
    </rPh>
    <rPh sb="19" eb="21">
      <t>トウガイ</t>
    </rPh>
    <rPh sb="24" eb="25">
      <t>カカ</t>
    </rPh>
    <rPh sb="31" eb="32">
      <t>カン</t>
    </rPh>
    <phoneticPr fontId="1"/>
  </si>
  <si>
    <t>備考２　要件を満たすことが分かる委員会の議事概要を提出すること。このほか要件を満たすことが分かる根拠書類を準備し、</t>
    <rPh sb="0" eb="2">
      <t>ビコウ</t>
    </rPh>
    <rPh sb="4" eb="6">
      <t>ヨウケン</t>
    </rPh>
    <rPh sb="7" eb="8">
      <t>ミ</t>
    </rPh>
    <rPh sb="13" eb="14">
      <t>ワ</t>
    </rPh>
    <rPh sb="16" eb="19">
      <t>イインカイ</t>
    </rPh>
    <rPh sb="20" eb="22">
      <t>ギジ</t>
    </rPh>
    <rPh sb="22" eb="24">
      <t>ガイヨウ</t>
    </rPh>
    <rPh sb="25" eb="27">
      <t>テイシュツ</t>
    </rPh>
    <rPh sb="36" eb="38">
      <t>ヨウケン</t>
    </rPh>
    <rPh sb="39" eb="40">
      <t>ミ</t>
    </rPh>
    <rPh sb="45" eb="46">
      <t>ワ</t>
    </rPh>
    <phoneticPr fontId="1"/>
  </si>
  <si>
    <t>　　　指定権者からの求めがあった場合には、速やかに提出すること。</t>
    <phoneticPr fontId="1"/>
  </si>
  <si>
    <t>認知症チームケア推進加算に係る届出書</t>
    <rPh sb="13" eb="14">
      <t>カカ</t>
    </rPh>
    <rPh sb="15" eb="18">
      <t>トドケデショ</t>
    </rPh>
    <phoneticPr fontId="1"/>
  </si>
  <si>
    <t>１（介護予防）認知症対応型共同生活介護</t>
    <phoneticPr fontId="1"/>
  </si>
  <si>
    <t>２　介護老人福祉施設</t>
    <phoneticPr fontId="1"/>
  </si>
  <si>
    <t>４　介護老人保健施設</t>
    <phoneticPr fontId="1"/>
  </si>
  <si>
    <t>５　介護医療院</t>
    <phoneticPr fontId="1"/>
  </si>
  <si>
    <t>１　認知症チームケア推進加算（Ⅰ）　　　</t>
  </si>
  <si>
    <t>２　認知症チームケア推進加算（Ⅱ）</t>
  </si>
  <si>
    <t>１．認知症チームケア推進加算（Ⅰ）に係る届出内容</t>
    <rPh sb="18" eb="19">
      <t>カカ</t>
    </rPh>
    <rPh sb="20" eb="21">
      <t>トド</t>
    </rPh>
    <rPh sb="21" eb="22">
      <t>デ</t>
    </rPh>
    <rPh sb="22" eb="24">
      <t>ナイヨウ</t>
    </rPh>
    <phoneticPr fontId="1"/>
  </si>
  <si>
    <t>利用者又は入所者の総数のうち、日常生活自立度のランクⅡ、Ⅲ、Ⅳ又はＭに該当する者</t>
    <rPh sb="3" eb="4">
      <t>マタ</t>
    </rPh>
    <rPh sb="5" eb="8">
      <t>ニュウショシャ</t>
    </rPh>
    <rPh sb="19" eb="22">
      <t>ジリツド</t>
    </rPh>
    <rPh sb="31" eb="32">
      <t>マタ</t>
    </rPh>
    <rPh sb="35" eb="37">
      <t>ガイトウ</t>
    </rPh>
    <rPh sb="39" eb="40">
      <t>シャ</t>
    </rPh>
    <phoneticPr fontId="1"/>
  </si>
  <si>
    <t>②　日常生活自立度のランクⅡ、Ⅲ、Ⅳ又はＭに該当する者の数　注</t>
    <rPh sb="2" eb="4">
      <t>ニチジョウ</t>
    </rPh>
    <rPh sb="4" eb="6">
      <t>セイカツ</t>
    </rPh>
    <rPh sb="6" eb="9">
      <t>ジリツド</t>
    </rPh>
    <rPh sb="18" eb="19">
      <t>マタ</t>
    </rPh>
    <rPh sb="22" eb="24">
      <t>ガイトウ</t>
    </rPh>
    <rPh sb="26" eb="27">
      <t>モノ</t>
    </rPh>
    <rPh sb="28" eb="29">
      <t>スウ</t>
    </rPh>
    <rPh sb="30" eb="31">
      <t>チュウ</t>
    </rPh>
    <phoneticPr fontId="1"/>
  </si>
  <si>
    <t>注　届出日の属する月の前３月の各月末時点の利用者又は入所者の数</t>
    <rPh sb="24" eb="25">
      <t>マタ</t>
    </rPh>
    <rPh sb="26" eb="29">
      <t>ニュウショシャ</t>
    </rPh>
    <phoneticPr fontId="1"/>
  </si>
  <si>
    <t>の平均で算定。</t>
    <phoneticPr fontId="1"/>
  </si>
  <si>
    <t>認知症の行動・心理症状の予防等に資する認知症介護の指導に係る専門的な研修を修了</t>
    <phoneticPr fontId="1"/>
  </si>
  <si>
    <t>している者又は認知症介護に係る専門的な研修及び認知症の行動・心理症状の予防等に資する</t>
    <rPh sb="4" eb="5">
      <t>モノ</t>
    </rPh>
    <rPh sb="5" eb="6">
      <t>マタ</t>
    </rPh>
    <rPh sb="37" eb="38">
      <t>トウ</t>
    </rPh>
    <phoneticPr fontId="1"/>
  </si>
  <si>
    <t>ケアプログラムを含んだ研修を修了している者を必要数以上配置し、かつ、複数人の介護職員</t>
    <phoneticPr fontId="1"/>
  </si>
  <si>
    <t>からなる認知症の行動・心理症状に対応するチームを組んでいる</t>
    <phoneticPr fontId="1"/>
  </si>
  <si>
    <t>認知症の行動・心理症状の予防等に資する認知症介護の指導に係る</t>
    <rPh sb="0" eb="3">
      <t>ニンチショウ</t>
    </rPh>
    <rPh sb="4" eb="6">
      <t>コウドウ</t>
    </rPh>
    <rPh sb="7" eb="9">
      <t>シンリ</t>
    </rPh>
    <rPh sb="9" eb="11">
      <t>ショウジョウ</t>
    </rPh>
    <rPh sb="12" eb="14">
      <t>ヨボウ</t>
    </rPh>
    <rPh sb="14" eb="15">
      <t>トウ</t>
    </rPh>
    <rPh sb="16" eb="17">
      <t>シ</t>
    </rPh>
    <rPh sb="19" eb="22">
      <t>ニンチショウ</t>
    </rPh>
    <rPh sb="22" eb="24">
      <t>カイゴ</t>
    </rPh>
    <rPh sb="25" eb="27">
      <t>シドウ</t>
    </rPh>
    <rPh sb="28" eb="29">
      <t>カカ</t>
    </rPh>
    <phoneticPr fontId="1"/>
  </si>
  <si>
    <t>専門的な研修を修了している者又は認知症介護に係る専門的な</t>
    <rPh sb="14" eb="15">
      <t>マタ</t>
    </rPh>
    <phoneticPr fontId="1"/>
  </si>
  <si>
    <t>研修及び認知症の行動・心理症状の予防に資するケアプログラムを</t>
    <phoneticPr fontId="1"/>
  </si>
  <si>
    <t>含んだ研修を修了している者の数</t>
    <phoneticPr fontId="1"/>
  </si>
  <si>
    <t>対象者に対し、個別に認知症の行動・心理症状の評価を計画的に行い、その評価に</t>
    <phoneticPr fontId="1"/>
  </si>
  <si>
    <t>基づく値を測定し、認知症の行動・心理症状の予防等に資するチームケアを実施している</t>
    <phoneticPr fontId="1"/>
  </si>
  <si>
    <t>(4）</t>
    <phoneticPr fontId="1"/>
  </si>
  <si>
    <t>認知症の行動・心理症状の予防等に資する認知症ケアについて、カンファレンスの開催、</t>
    <phoneticPr fontId="1"/>
  </si>
  <si>
    <t>計画の作成、認知症の行動・心理症状の有無及び程度についての定期的な評価、</t>
    <phoneticPr fontId="1"/>
  </si>
  <si>
    <t>ケアの振り返り、計画の見直し等を行っている</t>
    <phoneticPr fontId="1"/>
  </si>
  <si>
    <t>２．認知症チームケア推進加算（Ⅱ）に係る届出内容</t>
    <rPh sb="18" eb="19">
      <t>カカ</t>
    </rPh>
    <rPh sb="20" eb="21">
      <t>トド</t>
    </rPh>
    <rPh sb="21" eb="22">
      <t>デ</t>
    </rPh>
    <rPh sb="22" eb="24">
      <t>ナイヨウ</t>
    </rPh>
    <phoneticPr fontId="1"/>
  </si>
  <si>
    <t>認知症チームケア推進加算（Ⅰ）の（1）、（3）、（4）に該当している</t>
    <phoneticPr fontId="1"/>
  </si>
  <si>
    <t>※認知症チームケア推進加算（Ⅰ）に係る届出内容（1）、（3）、（4）も記入すること。</t>
    <rPh sb="17" eb="18">
      <t>カカ</t>
    </rPh>
    <rPh sb="19" eb="21">
      <t>トドケデ</t>
    </rPh>
    <rPh sb="21" eb="23">
      <t>ナイヨウ</t>
    </rPh>
    <rPh sb="35" eb="37">
      <t>キニュウ</t>
    </rPh>
    <phoneticPr fontId="1"/>
  </si>
  <si>
    <t>認知症の行動・心理症状の予防等に資する認知症介護に係る専門的な研修を修了している者</t>
    <phoneticPr fontId="1"/>
  </si>
  <si>
    <t>を必要数以上配置し、かつ、複数人の介護職員からなる認知症の行動・心理症状に対応する</t>
    <rPh sb="1" eb="4">
      <t>ヒツヨウスウ</t>
    </rPh>
    <rPh sb="4" eb="6">
      <t>イジョウ</t>
    </rPh>
    <rPh sb="6" eb="8">
      <t>ハイチ</t>
    </rPh>
    <rPh sb="37" eb="39">
      <t>タイオウ</t>
    </rPh>
    <phoneticPr fontId="1"/>
  </si>
  <si>
    <t>チームを組んでいる</t>
    <phoneticPr fontId="1"/>
  </si>
  <si>
    <t>認知症の行動・心理症状の予防等に資する認知症介護に係る専門的な</t>
    <rPh sb="0" eb="3">
      <t>ニンチショウ</t>
    </rPh>
    <rPh sb="4" eb="6">
      <t>コウドウ</t>
    </rPh>
    <rPh sb="7" eb="9">
      <t>シンリ</t>
    </rPh>
    <rPh sb="9" eb="11">
      <t>ショウジョウ</t>
    </rPh>
    <rPh sb="12" eb="14">
      <t>ヨボウ</t>
    </rPh>
    <rPh sb="14" eb="15">
      <t>トウ</t>
    </rPh>
    <rPh sb="16" eb="17">
      <t>シ</t>
    </rPh>
    <rPh sb="19" eb="22">
      <t>ニンチショウ</t>
    </rPh>
    <rPh sb="22" eb="24">
      <t>カイゴ</t>
    </rPh>
    <rPh sb="25" eb="26">
      <t>カカ</t>
    </rPh>
    <phoneticPr fontId="1"/>
  </si>
  <si>
    <t>研修を修了している者の数</t>
    <phoneticPr fontId="1"/>
  </si>
  <si>
    <t>　要件を満たすことが分かる根拠書類を準備し、指定権者からの求めがあった場合には、速やかに提出</t>
    <phoneticPr fontId="1"/>
  </si>
  <si>
    <t>口腔連携強化加算に関する届出書</t>
    <rPh sb="0" eb="2">
      <t>コウクウ</t>
    </rPh>
    <rPh sb="2" eb="4">
      <t>レンケイ</t>
    </rPh>
    <rPh sb="4" eb="6">
      <t>キョウカ</t>
    </rPh>
    <rPh sb="6" eb="8">
      <t>カサン</t>
    </rPh>
    <rPh sb="9" eb="10">
      <t>カン</t>
    </rPh>
    <rPh sb="12" eb="15">
      <t>トドケデショ</t>
    </rPh>
    <phoneticPr fontId="1"/>
  </si>
  <si>
    <t>1　訪問介護事業所</t>
    <rPh sb="2" eb="4">
      <t>ホウモン</t>
    </rPh>
    <rPh sb="4" eb="6">
      <t>カイゴ</t>
    </rPh>
    <rPh sb="6" eb="9">
      <t>ジギョウショ</t>
    </rPh>
    <phoneticPr fontId="1"/>
  </si>
  <si>
    <t>2　(介護予防）訪問看護事業所（訪問看護ステーション）</t>
    <rPh sb="3" eb="5">
      <t>カイゴ</t>
    </rPh>
    <rPh sb="5" eb="7">
      <t>ヨボウ</t>
    </rPh>
    <rPh sb="8" eb="10">
      <t>ホウモン</t>
    </rPh>
    <rPh sb="10" eb="12">
      <t>カンゴ</t>
    </rPh>
    <rPh sb="12" eb="14">
      <t>ジギョウ</t>
    </rPh>
    <rPh sb="14" eb="15">
      <t>ショ</t>
    </rPh>
    <rPh sb="16" eb="18">
      <t>ホウモン</t>
    </rPh>
    <rPh sb="18" eb="20">
      <t>カンゴ</t>
    </rPh>
    <phoneticPr fontId="1"/>
  </si>
  <si>
    <t>3　(介護予防）訪問リハビリテーション事業所</t>
    <rPh sb="3" eb="5">
      <t>カイゴ</t>
    </rPh>
    <rPh sb="5" eb="7">
      <t>ヨボウ</t>
    </rPh>
    <rPh sb="8" eb="10">
      <t>ホウモン</t>
    </rPh>
    <rPh sb="19" eb="22">
      <t>ジギョウショ</t>
    </rPh>
    <phoneticPr fontId="1"/>
  </si>
  <si>
    <t>4　(介護予防）短期入所生活介護事業所</t>
    <rPh sb="3" eb="5">
      <t>カイゴ</t>
    </rPh>
    <rPh sb="5" eb="7">
      <t>ヨボウ</t>
    </rPh>
    <rPh sb="8" eb="10">
      <t>タンキ</t>
    </rPh>
    <rPh sb="10" eb="12">
      <t>ニュウショ</t>
    </rPh>
    <rPh sb="12" eb="14">
      <t>セイカツ</t>
    </rPh>
    <rPh sb="14" eb="16">
      <t>カイゴ</t>
    </rPh>
    <rPh sb="16" eb="19">
      <t>ジギョウショ</t>
    </rPh>
    <phoneticPr fontId="1"/>
  </si>
  <si>
    <t>5　(介護予防）短期入所療養介護事業所</t>
    <rPh sb="3" eb="5">
      <t>カイゴ</t>
    </rPh>
    <rPh sb="5" eb="7">
      <t>ヨボウ</t>
    </rPh>
    <rPh sb="8" eb="10">
      <t>タンキ</t>
    </rPh>
    <rPh sb="10" eb="12">
      <t>ニュウショ</t>
    </rPh>
    <rPh sb="12" eb="14">
      <t>リョウヨウ</t>
    </rPh>
    <rPh sb="14" eb="16">
      <t>カイゴ</t>
    </rPh>
    <rPh sb="16" eb="19">
      <t>ジギョウショ</t>
    </rPh>
    <phoneticPr fontId="1"/>
  </si>
  <si>
    <t>6　定期巡回・随時対応型訪問介護看護事業所</t>
    <rPh sb="2" eb="4">
      <t>テイキ</t>
    </rPh>
    <rPh sb="4" eb="6">
      <t>ジュンカイ</t>
    </rPh>
    <rPh sb="7" eb="9">
      <t>ズイジ</t>
    </rPh>
    <rPh sb="9" eb="12">
      <t>タイオウガタ</t>
    </rPh>
    <rPh sb="12" eb="14">
      <t>ホウモン</t>
    </rPh>
    <rPh sb="14" eb="16">
      <t>カイゴ</t>
    </rPh>
    <rPh sb="16" eb="18">
      <t>カンゴ</t>
    </rPh>
    <rPh sb="18" eb="21">
      <t>ジギョウショ</t>
    </rPh>
    <phoneticPr fontId="1"/>
  </si>
  <si>
    <t>歯科医療機関との連携の状況</t>
    <rPh sb="0" eb="2">
      <t>シカ</t>
    </rPh>
    <rPh sb="2" eb="4">
      <t>イリョウ</t>
    </rPh>
    <rPh sb="4" eb="6">
      <t>キカン</t>
    </rPh>
    <rPh sb="8" eb="10">
      <t>レンケイ</t>
    </rPh>
    <rPh sb="11" eb="13">
      <t>ジョウキョウ</t>
    </rPh>
    <phoneticPr fontId="1"/>
  </si>
  <si>
    <t>１．連携歯科医療機関</t>
    <rPh sb="2" eb="4">
      <t>レンケイ</t>
    </rPh>
    <rPh sb="4" eb="6">
      <t>シカ</t>
    </rPh>
    <rPh sb="6" eb="8">
      <t>イリョウ</t>
    </rPh>
    <rPh sb="8" eb="10">
      <t>キカン</t>
    </rPh>
    <phoneticPr fontId="1"/>
  </si>
  <si>
    <t>歯科医療機関名</t>
    <rPh sb="0" eb="2">
      <t>シカ</t>
    </rPh>
    <rPh sb="2" eb="4">
      <t>イリョウ</t>
    </rPh>
    <rPh sb="4" eb="6">
      <t>キカン</t>
    </rPh>
    <rPh sb="6" eb="7">
      <t>メイ</t>
    </rPh>
    <phoneticPr fontId="1"/>
  </si>
  <si>
    <t>所在地</t>
    <rPh sb="0" eb="3">
      <t>ショザイチ</t>
    </rPh>
    <phoneticPr fontId="1"/>
  </si>
  <si>
    <t>歯科医師名</t>
    <rPh sb="0" eb="4">
      <t>シカイシ</t>
    </rPh>
    <rPh sb="4" eb="5">
      <t>メイ</t>
    </rPh>
    <phoneticPr fontId="1"/>
  </si>
  <si>
    <t>歯科訪問診療料の算定の実績</t>
    <phoneticPr fontId="1"/>
  </si>
  <si>
    <t xml:space="preserve">       　　年　　月　　日</t>
    <rPh sb="9" eb="10">
      <t>ネン</t>
    </rPh>
    <rPh sb="12" eb="13">
      <t>ガツ</t>
    </rPh>
    <rPh sb="15" eb="16">
      <t>ニチ</t>
    </rPh>
    <phoneticPr fontId="1"/>
  </si>
  <si>
    <t>連絡先電話番号</t>
    <rPh sb="0" eb="3">
      <t>レンラクサキ</t>
    </rPh>
    <rPh sb="3" eb="5">
      <t>デンワ</t>
    </rPh>
    <rPh sb="5" eb="7">
      <t>バンゴウ</t>
    </rPh>
    <phoneticPr fontId="1"/>
  </si>
  <si>
    <t>２．連携歯科医療機関</t>
    <rPh sb="2" eb="4">
      <t>レンケイ</t>
    </rPh>
    <rPh sb="4" eb="6">
      <t>シカ</t>
    </rPh>
    <rPh sb="6" eb="8">
      <t>イリョウ</t>
    </rPh>
    <rPh sb="8" eb="10">
      <t>キカン</t>
    </rPh>
    <phoneticPr fontId="1"/>
  </si>
  <si>
    <t>３．連携歯科医療機関</t>
    <rPh sb="2" eb="4">
      <t>レンケイ</t>
    </rPh>
    <rPh sb="4" eb="6">
      <t>シカ</t>
    </rPh>
    <rPh sb="6" eb="8">
      <t>イリョウ</t>
    </rPh>
    <rPh sb="8" eb="10">
      <t>キカン</t>
    </rPh>
    <phoneticPr fontId="1"/>
  </si>
  <si>
    <t>注１　「連携歯科医療機関」とは、利用者の口腔の健康状態に係る評価を行うに当たって、歯科医療機関の歯科医師又は歯科医師の指示を受けた歯科衛生士に対して、口腔の健康状態の評価の方法や在宅歯科医療の提供等について相談できる体制を確保している歯科医療機関である。</t>
    <rPh sb="0" eb="1">
      <t>チュウ</t>
    </rPh>
    <rPh sb="41" eb="43">
      <t>シカ</t>
    </rPh>
    <rPh sb="71" eb="72">
      <t>タイ</t>
    </rPh>
    <rPh sb="117" eb="119">
      <t>シカ</t>
    </rPh>
    <rPh sb="119" eb="121">
      <t>イリョウ</t>
    </rPh>
    <rPh sb="121" eb="123">
      <t>キカン</t>
    </rPh>
    <phoneticPr fontId="1"/>
  </si>
  <si>
    <t>注２　「連携歯科医療機関」は１つ以上の記載が必要である。なお、記入欄が不足している場合には、「歯科医療機関との連携の状況」のみを追加記載した様式を別途添付しても差し支えない。</t>
    <rPh sb="0" eb="1">
      <t>チュウ</t>
    </rPh>
    <rPh sb="16" eb="18">
      <t>イジョウ</t>
    </rPh>
    <rPh sb="19" eb="21">
      <t>キサイ</t>
    </rPh>
    <rPh sb="22" eb="24">
      <t>ヒツヨウ</t>
    </rPh>
    <rPh sb="31" eb="34">
      <t>キニュウラン</t>
    </rPh>
    <rPh sb="35" eb="37">
      <t>フソク</t>
    </rPh>
    <rPh sb="41" eb="43">
      <t>バアイ</t>
    </rPh>
    <rPh sb="64" eb="66">
      <t>ツイカ</t>
    </rPh>
    <rPh sb="66" eb="68">
      <t>キサイ</t>
    </rPh>
    <rPh sb="70" eb="72">
      <t>ヨウシキ</t>
    </rPh>
    <rPh sb="73" eb="75">
      <t>ベット</t>
    </rPh>
    <rPh sb="75" eb="77">
      <t>テンプ</t>
    </rPh>
    <rPh sb="80" eb="81">
      <t>サ</t>
    </rPh>
    <rPh sb="82" eb="83">
      <t>ツカ</t>
    </rPh>
    <phoneticPr fontId="1"/>
  </si>
  <si>
    <t>注３　「歯科訪問診療料の算定の実績」とは、歯科診療報酬点数表の区分番号Ｃ000に掲げる歯科訪問診療料の算定の実績であり、直近の算定日を記載すること。</t>
    <rPh sb="0" eb="1">
      <t>チュウ</t>
    </rPh>
    <rPh sb="60" eb="62">
      <t>チョッキン</t>
    </rPh>
    <rPh sb="63" eb="65">
      <t>サンテイ</t>
    </rPh>
    <rPh sb="65" eb="66">
      <t>ビ</t>
    </rPh>
    <rPh sb="67" eb="69">
      <t>キサイ</t>
    </rPh>
    <phoneticPr fontId="1"/>
  </si>
  <si>
    <t>（別紙●）</t>
    <rPh sb="1" eb="3">
      <t>ベッシ</t>
    </rPh>
    <phoneticPr fontId="1"/>
  </si>
  <si>
    <t>平成</t>
    <rPh sb="0" eb="2">
      <t>ヘイセイ</t>
    </rPh>
    <phoneticPr fontId="1"/>
  </si>
  <si>
    <t>　　知事　　殿</t>
    <phoneticPr fontId="1"/>
  </si>
  <si>
    <t>　(郵便番号　　―　　　)</t>
    <phoneticPr fontId="1"/>
  </si>
  <si>
    <t>　　　　　県　　　　郡市</t>
    <phoneticPr fontId="1"/>
  </si>
  <si>
    <t xml:space="preserve"> 1新規　2変更　3終了</t>
    <phoneticPr fontId="1"/>
  </si>
  <si>
    <t>介護予防訪問介護</t>
    <rPh sb="0" eb="2">
      <t>カイゴ</t>
    </rPh>
    <rPh sb="2" eb="4">
      <t>ヨボウ</t>
    </rPh>
    <phoneticPr fontId="1"/>
  </si>
  <si>
    <t>介護予防通所介護</t>
    <rPh sb="0" eb="2">
      <t>カイゴ</t>
    </rPh>
    <rPh sb="2" eb="4">
      <t>ヨボウ</t>
    </rPh>
    <phoneticPr fontId="1"/>
  </si>
  <si>
    <t>　　5　「異動等の区分」欄には、今回届出を行う事業所について該当する数字に「〇」を記入してください。</t>
    <phoneticPr fontId="1"/>
  </si>
  <si>
    <t>　　6　「異動項目」欄には、(別紙1，1－2)「介護給付費算定に係る体制等状況一覧表」に掲げる項目を記載してください。</t>
    <phoneticPr fontId="1"/>
  </si>
  <si>
    <t>（別紙12）</t>
    <phoneticPr fontId="1"/>
  </si>
  <si>
    <t>（別紙11）</t>
    <rPh sb="1" eb="3">
      <t>ベッシ</t>
    </rPh>
    <phoneticPr fontId="1"/>
  </si>
  <si>
    <t>（別紙12-２）</t>
    <phoneticPr fontId="1"/>
  </si>
  <si>
    <t>（別紙18）</t>
    <phoneticPr fontId="1"/>
  </si>
  <si>
    <t>（別紙25－2）</t>
    <phoneticPr fontId="1"/>
  </si>
  <si>
    <t>（別紙37）</t>
    <phoneticPr fontId="1"/>
  </si>
  <si>
    <t>（別紙37－２）</t>
    <rPh sb="1" eb="3">
      <t>ベッシ</t>
    </rPh>
    <phoneticPr fontId="1"/>
  </si>
  <si>
    <t>（別紙39）</t>
    <rPh sb="1" eb="3">
      <t>ベッシ</t>
    </rPh>
    <phoneticPr fontId="1"/>
  </si>
  <si>
    <t>（別紙40）</t>
    <phoneticPr fontId="1"/>
  </si>
  <si>
    <t>（別紙41）</t>
    <rPh sb="1" eb="3">
      <t>ベッシ</t>
    </rPh>
    <phoneticPr fontId="1"/>
  </si>
  <si>
    <t>（別紙14－5）</t>
    <phoneticPr fontId="1"/>
  </si>
  <si>
    <t>（別紙14－6）</t>
    <phoneticPr fontId="1"/>
  </si>
  <si>
    <t>褥瘡マネジメント加算に関する届出書</t>
    <rPh sb="0" eb="2">
      <t>ジョクソウ</t>
    </rPh>
    <rPh sb="8" eb="10">
      <t>カサン</t>
    </rPh>
    <rPh sb="11" eb="12">
      <t>カン</t>
    </rPh>
    <rPh sb="14" eb="17">
      <t>トドケデショ</t>
    </rPh>
    <phoneticPr fontId="1"/>
  </si>
  <si>
    <t>　「褥瘡マネジメントに関わる者」には、共同で褥瘡ケア計画を作成している者の職種及び氏名を記入してください。</t>
    <rPh sb="2" eb="4">
      <t>ジョクソウ</t>
    </rPh>
    <rPh sb="11" eb="12">
      <t>カカ</t>
    </rPh>
    <rPh sb="14" eb="15">
      <t>モノ</t>
    </rPh>
    <rPh sb="19" eb="21">
      <t>キョウドウ</t>
    </rPh>
    <rPh sb="22" eb="24">
      <t>ジョクソウ</t>
    </rPh>
    <rPh sb="26" eb="28">
      <t>ケイカク</t>
    </rPh>
    <rPh sb="29" eb="31">
      <t>サクセイ</t>
    </rPh>
    <rPh sb="35" eb="36">
      <t>モノ</t>
    </rPh>
    <rPh sb="37" eb="39">
      <t>ショクシュ</t>
    </rPh>
    <rPh sb="39" eb="40">
      <t>オヨ</t>
    </rPh>
    <rPh sb="41" eb="43">
      <t>シメイ</t>
    </rPh>
    <rPh sb="44" eb="46">
      <t>キニュウ</t>
    </rPh>
    <phoneticPr fontId="1"/>
  </si>
  <si>
    <t>ⅰ 利用者の安全並びに介護サービスの質の確保及び職員の負担軽減に資する</t>
    <rPh sb="2" eb="5">
      <t>リヨウシャ</t>
    </rPh>
    <rPh sb="6" eb="8">
      <t>アンゼン</t>
    </rPh>
    <rPh sb="8" eb="9">
      <t>ナラ</t>
    </rPh>
    <rPh sb="11" eb="13">
      <t>カイゴ</t>
    </rPh>
    <rPh sb="18" eb="19">
      <t>シツ</t>
    </rPh>
    <rPh sb="20" eb="22">
      <t>カクホ</t>
    </rPh>
    <rPh sb="22" eb="23">
      <t>オヨ</t>
    </rPh>
    <rPh sb="24" eb="26">
      <t>ショクイン</t>
    </rPh>
    <rPh sb="27" eb="29">
      <t>フタン</t>
    </rPh>
    <rPh sb="29" eb="31">
      <t>ケイゲン</t>
    </rPh>
    <rPh sb="32" eb="33">
      <t>シ</t>
    </rPh>
    <phoneticPr fontId="1"/>
  </si>
  <si>
    <t>　 方策を検討するための委員会の設置</t>
    <phoneticPr fontId="1"/>
  </si>
  <si>
    <t>利用者の総数のうち、日常生活自立度のランクⅡ、Ⅲ、Ⅳ又はＭに該当する者</t>
    <rPh sb="14" eb="17">
      <t>ジリツド</t>
    </rPh>
    <rPh sb="26" eb="27">
      <t>マタ</t>
    </rPh>
    <rPh sb="30" eb="32">
      <t>ガイトウ</t>
    </rPh>
    <rPh sb="34" eb="35">
      <t>シャ</t>
    </rPh>
    <phoneticPr fontId="1"/>
  </si>
  <si>
    <t>認知症介護に係る専門的な研修を修了している者を、日常生活自立度のランクⅡ、Ⅲ、</t>
    <phoneticPr fontId="1"/>
  </si>
  <si>
    <t>日常生活自立度のランクⅡ、Ⅲ、Ⅳ又はＭに該当する者の数</t>
    <rPh sb="0" eb="2">
      <t>ニチジョウ</t>
    </rPh>
    <rPh sb="2" eb="4">
      <t>セイカツ</t>
    </rPh>
    <rPh sb="4" eb="7">
      <t>ジリツド</t>
    </rPh>
    <rPh sb="16" eb="17">
      <t>マタ</t>
    </rPh>
    <rPh sb="20" eb="22">
      <t>ガイトウ</t>
    </rPh>
    <rPh sb="24" eb="25">
      <t>モノ</t>
    </rPh>
    <rPh sb="26" eb="27">
      <t>カズ</t>
    </rPh>
    <phoneticPr fontId="1"/>
  </si>
  <si>
    <t>認知症専門ケア加算（Ⅰ）の(2)・(3)の基準のいずれにも該当している</t>
    <phoneticPr fontId="1"/>
  </si>
  <si>
    <t>※認知症専門ケア加算（Ⅰ）に係る届出内容(2)～(3)も記入すること。</t>
    <rPh sb="14" eb="15">
      <t>カカ</t>
    </rPh>
    <rPh sb="16" eb="18">
      <t>トドケデ</t>
    </rPh>
    <rPh sb="18" eb="20">
      <t>ナイヨウ</t>
    </rPh>
    <rPh sb="28" eb="30">
      <t>キニュウ</t>
    </rPh>
    <phoneticPr fontId="1"/>
  </si>
  <si>
    <t>の割合が20％以上である</t>
    <phoneticPr fontId="1"/>
  </si>
  <si>
    <t>緊急時（介護予防）訪問看護加算・緊急時対応加算・特別管理体制・ターミナルケア体制に係る届出書</t>
    <rPh sb="4" eb="6">
      <t>カイゴ</t>
    </rPh>
    <rPh sb="6" eb="8">
      <t>ヨボウ</t>
    </rPh>
    <rPh sb="16" eb="19">
      <t>キンキュウジ</t>
    </rPh>
    <rPh sb="19" eb="21">
      <t>タイオウ</t>
    </rPh>
    <rPh sb="21" eb="23">
      <t>カサン</t>
    </rPh>
    <rPh sb="38" eb="40">
      <t>タイセイ</t>
    </rPh>
    <rPh sb="41" eb="42">
      <t>カカ</t>
    </rPh>
    <rPh sb="43" eb="46">
      <t>トドケデショ</t>
    </rPh>
    <phoneticPr fontId="1"/>
  </si>
  <si>
    <t>4　特別管理加算に係る体制の届出内容</t>
    <rPh sb="11" eb="13">
      <t>タイセイ</t>
    </rPh>
    <rPh sb="14" eb="16">
      <t>トドケデ</t>
    </rPh>
    <phoneticPr fontId="1"/>
  </si>
  <si>
    <t xml:space="preserve"> 5　ターミナルケア体制に係る届出内容</t>
    <rPh sb="10" eb="12">
      <t>タイセイ</t>
    </rPh>
    <rPh sb="15" eb="17">
      <t>トドケデ</t>
    </rPh>
    <phoneticPr fontId="1"/>
  </si>
  <si>
    <t>（別紙22－2）</t>
    <rPh sb="1" eb="3">
      <t>ベッシ</t>
    </rPh>
    <phoneticPr fontId="1"/>
  </si>
  <si>
    <t>利用者の割合に関する計算書（中重度者ケア体制加算）</t>
    <rPh sb="0" eb="3">
      <t>リヨウシャ</t>
    </rPh>
    <rPh sb="4" eb="6">
      <t>ワリアイ</t>
    </rPh>
    <rPh sb="7" eb="8">
      <t>カン</t>
    </rPh>
    <rPh sb="10" eb="13">
      <t>ケイサンショ</t>
    </rPh>
    <rPh sb="14" eb="18">
      <t>チュウジュウドシャ</t>
    </rPh>
    <rPh sb="20" eb="22">
      <t>タイセイ</t>
    </rPh>
    <rPh sb="22" eb="24">
      <t>カサン</t>
    </rPh>
    <phoneticPr fontId="1"/>
  </si>
  <si>
    <t>１．要介護３、要介護４または要介護５である者の割合の算出基準</t>
    <rPh sb="2" eb="5">
      <t>ヨウカイゴ</t>
    </rPh>
    <rPh sb="7" eb="10">
      <t>ヨウカイゴ</t>
    </rPh>
    <rPh sb="14" eb="17">
      <t>ヨウカイゴ</t>
    </rPh>
    <rPh sb="21" eb="22">
      <t>モノ</t>
    </rPh>
    <rPh sb="23" eb="25">
      <t>ワリアイ</t>
    </rPh>
    <rPh sb="26" eb="28">
      <t>サンシュツ</t>
    </rPh>
    <rPh sb="28" eb="30">
      <t>キジュン</t>
    </rPh>
    <phoneticPr fontId="1"/>
  </si>
  <si>
    <t>利用実人員数</t>
    <rPh sb="0" eb="2">
      <t>リヨウ</t>
    </rPh>
    <rPh sb="2" eb="3">
      <t>ジツ</t>
    </rPh>
    <rPh sb="3" eb="5">
      <t>ジンイン</t>
    </rPh>
    <rPh sb="5" eb="6">
      <t>スウ</t>
    </rPh>
    <phoneticPr fontId="1"/>
  </si>
  <si>
    <t>利用延人員数</t>
    <rPh sb="0" eb="2">
      <t>リヨウ</t>
    </rPh>
    <rPh sb="2" eb="5">
      <t>ノベジンイン</t>
    </rPh>
    <rPh sb="5" eb="6">
      <t>スウ</t>
    </rPh>
    <phoneticPr fontId="1"/>
  </si>
  <si>
    <t>２．算定期間</t>
    <rPh sb="2" eb="4">
      <t>サンテイ</t>
    </rPh>
    <rPh sb="4" eb="6">
      <t>キカン</t>
    </rPh>
    <phoneticPr fontId="1"/>
  </si>
  <si>
    <t>ア．前年度（３月を除く）の実績の平均</t>
    <rPh sb="2" eb="5">
      <t>ゼンネンド</t>
    </rPh>
    <rPh sb="7" eb="8">
      <t>ガツ</t>
    </rPh>
    <rPh sb="9" eb="10">
      <t>ノゾ</t>
    </rPh>
    <rPh sb="13" eb="15">
      <t>ジッセキ</t>
    </rPh>
    <rPh sb="16" eb="18">
      <t>ヘイキン</t>
    </rPh>
    <phoneticPr fontId="1"/>
  </si>
  <si>
    <t>イ．届出日の属する月の前３月</t>
    <rPh sb="2" eb="4">
      <t>トドケデ</t>
    </rPh>
    <rPh sb="4" eb="5">
      <t>ヒ</t>
    </rPh>
    <rPh sb="6" eb="7">
      <t>ゾク</t>
    </rPh>
    <rPh sb="9" eb="10">
      <t>ツキ</t>
    </rPh>
    <rPh sb="11" eb="12">
      <t>ゼン</t>
    </rPh>
    <rPh sb="13" eb="14">
      <t>ガツ</t>
    </rPh>
    <phoneticPr fontId="1"/>
  </si>
  <si>
    <t>利用者の総数
（要支援者は
含めない）</t>
    <rPh sb="0" eb="3">
      <t>リヨウシャ</t>
    </rPh>
    <rPh sb="4" eb="6">
      <t>ソウスウ</t>
    </rPh>
    <rPh sb="8" eb="11">
      <t>ヨウシエン</t>
    </rPh>
    <rPh sb="11" eb="12">
      <t>シャ</t>
    </rPh>
    <rPh sb="14" eb="15">
      <t>フク</t>
    </rPh>
    <phoneticPr fontId="1"/>
  </si>
  <si>
    <t>要介護３、要介護４
または要介護５の
利用者数</t>
    <rPh sb="0" eb="3">
      <t>ヨウカイゴ</t>
    </rPh>
    <rPh sb="5" eb="8">
      <t>ヨウカイゴ</t>
    </rPh>
    <rPh sb="13" eb="16">
      <t>ヨウカイゴ</t>
    </rPh>
    <rPh sb="19" eb="21">
      <t>リヨウ</t>
    </rPh>
    <rPh sb="21" eb="22">
      <t>シャ</t>
    </rPh>
    <rPh sb="22" eb="23">
      <t>スウ</t>
    </rPh>
    <phoneticPr fontId="1"/>
  </si>
  <si>
    <t>実績月数</t>
    <rPh sb="0" eb="2">
      <t>ジッセキ</t>
    </rPh>
    <rPh sb="2" eb="4">
      <t>ツキスウ</t>
    </rPh>
    <phoneticPr fontId="1"/>
  </si>
  <si>
    <t>割合</t>
    <rPh sb="0" eb="2">
      <t>ワリアイ</t>
    </rPh>
    <phoneticPr fontId="1"/>
  </si>
  <si>
    <t>１月あたりの
平均</t>
    <rPh sb="1" eb="2">
      <t>ツキ</t>
    </rPh>
    <rPh sb="7" eb="9">
      <t>ヘイキン</t>
    </rPh>
    <phoneticPr fontId="1"/>
  </si>
  <si>
    <t>・本資料は中重度者ケア体制加算に係る届出書を補完する資料としてご使用ください。</t>
    <rPh sb="1" eb="2">
      <t>ホン</t>
    </rPh>
    <rPh sb="2" eb="4">
      <t>シリョウ</t>
    </rPh>
    <rPh sb="5" eb="9">
      <t>チュウジュウドシャ</t>
    </rPh>
    <rPh sb="11" eb="13">
      <t>タイセイ</t>
    </rPh>
    <rPh sb="13" eb="15">
      <t>カサン</t>
    </rPh>
    <rPh sb="16" eb="17">
      <t>カカ</t>
    </rPh>
    <rPh sb="18" eb="21">
      <t>トドケデショ</t>
    </rPh>
    <rPh sb="22" eb="24">
      <t>ホカン</t>
    </rPh>
    <rPh sb="26" eb="28">
      <t>シリョウ</t>
    </rPh>
    <rPh sb="32" eb="34">
      <t>シヨウ</t>
    </rPh>
    <phoneticPr fontId="1"/>
  </si>
  <si>
    <t>・「１．要介護３、要介護４または要介護５である者の割合の算出基準」で、</t>
    <phoneticPr fontId="1"/>
  </si>
  <si>
    <t>　「利用実人員数」または「利用延人員数」のいずれかを選択してください。</t>
    <rPh sb="2" eb="4">
      <t>リヨウ</t>
    </rPh>
    <rPh sb="4" eb="5">
      <t>ジツ</t>
    </rPh>
    <rPh sb="5" eb="8">
      <t>ジンインスウ</t>
    </rPh>
    <rPh sb="13" eb="15">
      <t>リヨウ</t>
    </rPh>
    <rPh sb="15" eb="16">
      <t>ノ</t>
    </rPh>
    <rPh sb="16" eb="19">
      <t>ジンインスウ</t>
    </rPh>
    <rPh sb="26" eb="28">
      <t>センタク</t>
    </rPh>
    <phoneticPr fontId="1"/>
  </si>
  <si>
    <t>・「２．算定期間」でアまたはイの算定期間を選択してください。</t>
    <rPh sb="4" eb="6">
      <t>サンテイ</t>
    </rPh>
    <rPh sb="6" eb="8">
      <t>キカン</t>
    </rPh>
    <rPh sb="16" eb="18">
      <t>サンテイ</t>
    </rPh>
    <rPh sb="18" eb="20">
      <t>キカン</t>
    </rPh>
    <rPh sb="21" eb="23">
      <t>センタク</t>
    </rPh>
    <phoneticPr fontId="1"/>
  </si>
  <si>
    <t>　前年度の実績が６月に満たない事業所（新たに事業を開始し、又は再開した事業所）</t>
    <rPh sb="1" eb="4">
      <t>ゼンネンド</t>
    </rPh>
    <rPh sb="5" eb="7">
      <t>ジッセキ</t>
    </rPh>
    <rPh sb="9" eb="10">
      <t>ガツ</t>
    </rPh>
    <rPh sb="11" eb="12">
      <t>ミ</t>
    </rPh>
    <rPh sb="15" eb="18">
      <t>ジギョウショ</t>
    </rPh>
    <rPh sb="19" eb="20">
      <t>アラ</t>
    </rPh>
    <rPh sb="22" eb="24">
      <t>ジギョウ</t>
    </rPh>
    <rPh sb="25" eb="27">
      <t>カイシ</t>
    </rPh>
    <rPh sb="29" eb="30">
      <t>マタ</t>
    </rPh>
    <rPh sb="31" eb="33">
      <t>サイカイ</t>
    </rPh>
    <rPh sb="35" eb="38">
      <t>ジギョウショ</t>
    </rPh>
    <phoneticPr fontId="1"/>
  </si>
  <si>
    <t>　については、前年度の実績（ア）による届出はできません。</t>
    <rPh sb="7" eb="10">
      <t>ゼンネンド</t>
    </rPh>
    <rPh sb="11" eb="13">
      <t>ジッセキ</t>
    </rPh>
    <rPh sb="19" eb="21">
      <t>トドケデ</t>
    </rPh>
    <phoneticPr fontId="1"/>
  </si>
  <si>
    <t>・具体的な計算方法については、「平成27年度介護報酬改定に関するQ&amp;A</t>
    <rPh sb="1" eb="4">
      <t>グタイテキ</t>
    </rPh>
    <rPh sb="5" eb="7">
      <t>ケイサン</t>
    </rPh>
    <rPh sb="7" eb="9">
      <t>ホウホウ</t>
    </rPh>
    <rPh sb="16" eb="18">
      <t>ヘイセイ</t>
    </rPh>
    <rPh sb="20" eb="22">
      <t>ネンド</t>
    </rPh>
    <rPh sb="22" eb="24">
      <t>カイゴ</t>
    </rPh>
    <rPh sb="24" eb="26">
      <t>ホウシュウ</t>
    </rPh>
    <rPh sb="26" eb="28">
      <t>カイテイ</t>
    </rPh>
    <rPh sb="29" eb="30">
      <t>カン</t>
    </rPh>
    <phoneticPr fontId="1"/>
  </si>
  <si>
    <t>　（平成27年4月1日）」問31をご参照ください。</t>
    <rPh sb="13" eb="14">
      <t>トイ</t>
    </rPh>
    <rPh sb="18" eb="20">
      <t>サンショウ</t>
    </rPh>
    <phoneticPr fontId="1"/>
  </si>
  <si>
    <t>指定通所介護事業所における前年度又は算定日が属する月の前３月間の利用者の総数のうち、日常生活に支障を来すおそれのある症状又は行動が認められることから介護を必要とする認知症の者（日常生活自立度のランクⅢ、Ⅳ又はＭに該当する者）の占める割合が100分の15以上である。</t>
    <phoneticPr fontId="1"/>
  </si>
  <si>
    <t>指定地域密着型通所介護事業所における前年度又は算定日が属する月の前３月間の利用者の総数のうち、日常生活に支障を来すおそれのある症状又は行動が認められることから介護を必要とする認知症の者（日常生活自立度のランクⅢ、Ⅳ又はＭに該当する者）の占める割合が100分の15以上である。</t>
    <phoneticPr fontId="1"/>
  </si>
  <si>
    <t>（別紙23－2）</t>
    <rPh sb="1" eb="3">
      <t>ベッシ</t>
    </rPh>
    <phoneticPr fontId="1"/>
  </si>
  <si>
    <t>利用者の割合に関する計算書（認知症加算）</t>
    <rPh sb="0" eb="3">
      <t>リヨウシャ</t>
    </rPh>
    <rPh sb="4" eb="6">
      <t>ワリアイ</t>
    </rPh>
    <rPh sb="7" eb="8">
      <t>カン</t>
    </rPh>
    <rPh sb="10" eb="13">
      <t>ケイサンショ</t>
    </rPh>
    <rPh sb="14" eb="17">
      <t>ニンチショウ</t>
    </rPh>
    <rPh sb="17" eb="19">
      <t>カサン</t>
    </rPh>
    <phoneticPr fontId="1"/>
  </si>
  <si>
    <t>１．日常生活自立度のランクがⅢ以上の者の割合の算出基準</t>
    <rPh sb="2" eb="4">
      <t>ニチジョウ</t>
    </rPh>
    <rPh sb="4" eb="6">
      <t>セイカツ</t>
    </rPh>
    <rPh sb="6" eb="8">
      <t>ジリツ</t>
    </rPh>
    <rPh sb="8" eb="9">
      <t>ド</t>
    </rPh>
    <rPh sb="15" eb="17">
      <t>イジョウ</t>
    </rPh>
    <rPh sb="18" eb="19">
      <t>モノ</t>
    </rPh>
    <rPh sb="20" eb="22">
      <t>ワリアイ</t>
    </rPh>
    <rPh sb="23" eb="25">
      <t>サンシュツ</t>
    </rPh>
    <rPh sb="25" eb="27">
      <t>キジュン</t>
    </rPh>
    <phoneticPr fontId="1"/>
  </si>
  <si>
    <t>日常生活自立度のランクⅢ、Ⅳ又はMに該当する
利用者数</t>
    <rPh sb="0" eb="2">
      <t>ニチジョウ</t>
    </rPh>
    <rPh sb="2" eb="4">
      <t>セイカツ</t>
    </rPh>
    <rPh sb="4" eb="7">
      <t>ジリツド</t>
    </rPh>
    <rPh sb="14" eb="15">
      <t>マタ</t>
    </rPh>
    <rPh sb="18" eb="20">
      <t>ガイトウ</t>
    </rPh>
    <rPh sb="23" eb="25">
      <t>リヨウ</t>
    </rPh>
    <rPh sb="25" eb="26">
      <t>シャ</t>
    </rPh>
    <rPh sb="26" eb="27">
      <t>スウ</t>
    </rPh>
    <phoneticPr fontId="1"/>
  </si>
  <si>
    <t>・本資料は認知症加算（（地域密着型）通所介護）に係る届出書を補完する資料</t>
    <rPh sb="1" eb="2">
      <t>ホン</t>
    </rPh>
    <rPh sb="2" eb="4">
      <t>シリョウ</t>
    </rPh>
    <rPh sb="5" eb="8">
      <t>ニンチショウ</t>
    </rPh>
    <rPh sb="8" eb="10">
      <t>カサン</t>
    </rPh>
    <rPh sb="12" eb="14">
      <t>チイキ</t>
    </rPh>
    <rPh sb="14" eb="17">
      <t>ミッチャクガタ</t>
    </rPh>
    <rPh sb="18" eb="20">
      <t>ツウショ</t>
    </rPh>
    <rPh sb="20" eb="22">
      <t>カイゴ</t>
    </rPh>
    <rPh sb="24" eb="25">
      <t>カカ</t>
    </rPh>
    <rPh sb="26" eb="29">
      <t>トドケデショ</t>
    </rPh>
    <rPh sb="30" eb="32">
      <t>ホカン</t>
    </rPh>
    <rPh sb="34" eb="36">
      <t>シリョウ</t>
    </rPh>
    <phoneticPr fontId="1"/>
  </si>
  <si>
    <t>　としてご使用ください。</t>
    <phoneticPr fontId="1"/>
  </si>
  <si>
    <r>
      <t>・</t>
    </r>
    <r>
      <rPr>
        <sz val="11"/>
        <rFont val="ＭＳ Ｐゴシック"/>
        <family val="3"/>
        <charset val="128"/>
      </rPr>
      <t>「１．日常生活自立度のランクがⅢ以上の者の割合の算出基準」で、</t>
    </r>
    <phoneticPr fontId="1"/>
  </si>
  <si>
    <t>(1)  　主任介護支援専門員の配置状況</t>
  </si>
  <si>
    <t>(2)  　介護支援専門員の配置状況</t>
  </si>
  <si>
    <t>(3)  　利用者に関する情報又はサービス提供に当たっての留意事項に係る伝達等</t>
  </si>
  <si>
    <t>(4)  　24時間常時連絡できる体制を整備している。</t>
  </si>
  <si>
    <t>(5)  　利用者の総数のうち、要介護３、要介護４又は要介護５である者の占める</t>
  </si>
  <si>
    <t>(6)　  介護支援専門員に対し、計画的に、研修を実施している。</t>
  </si>
  <si>
    <t>(7)  　地域包括支援センターからの支援困難ケースが紹介された場合に、当該</t>
  </si>
  <si>
    <t>　　　難病患者等、高齢者以外の対象者への支援に関する知識等に関する</t>
  </si>
  <si>
    <t>　　　事例検討会、研修等に参加している。</t>
  </si>
  <si>
    <t>(10)　介護支援専門員1人当たり（常勤換算方法による）の担当件数について</t>
  </si>
  <si>
    <t>　①居宅介護支援費(Ⅰ)を算定している場合　45件以上の有無</t>
  </si>
  <si>
    <t>　②居宅介護支援費(Ⅱ)を算定している場合　50件以上の有無</t>
  </si>
  <si>
    <t>(11)　介護支援専門員実務研修における科目「ケアマネジメントの基礎技術に関</t>
  </si>
  <si>
    <t>(12)　他の法人が運営する指定居宅介護支援事業者と共同で事例検討会、研修会</t>
  </si>
  <si>
    <t>(13)　必要に応じて、多様な主体により提供される利用者の日常生活全般を</t>
  </si>
  <si>
    <t>　　　作成している。</t>
  </si>
  <si>
    <t>(2) 　ターミナルケアマネジメント加算を年間１５回以上算定している。</t>
    <phoneticPr fontId="1"/>
  </si>
  <si>
    <t>１　総合マネジメント体制強化加算（Ⅰ）に係る体制の届出内容</t>
    <rPh sb="2" eb="4">
      <t>ソウゴウ</t>
    </rPh>
    <rPh sb="10" eb="12">
      <t>タイセイ</t>
    </rPh>
    <rPh sb="12" eb="14">
      <t>キョウカ</t>
    </rPh>
    <rPh sb="14" eb="16">
      <t>カサン</t>
    </rPh>
    <rPh sb="22" eb="24">
      <t>タイセイ</t>
    </rPh>
    <rPh sb="25" eb="27">
      <t>トドケデ</t>
    </rPh>
    <phoneticPr fontId="1"/>
  </si>
  <si>
    <r>
      <t xml:space="preserve">○定期巡回・随時対応型訪問介護看護、（介護予防）小規模多機能型居宅介護
</t>
    </r>
    <r>
      <rPr>
        <sz val="8"/>
        <rFont val="HGSｺﾞｼｯｸM"/>
        <family val="3"/>
        <charset val="128"/>
      </rPr>
      <t>※該当する要件は、「総合マネジメント体制強化加算（Ⅰ）に係る体制の届出内容」に記入すること。</t>
    </r>
    <rPh sb="37" eb="39">
      <t>ガイトウ</t>
    </rPh>
    <rPh sb="41" eb="43">
      <t>ヨウケン</t>
    </rPh>
    <phoneticPr fontId="1"/>
  </si>
  <si>
    <r>
      <t xml:space="preserve">○看護小規模多機能型居宅介護
</t>
    </r>
    <r>
      <rPr>
        <sz val="8"/>
        <rFont val="HGSｺﾞｼｯｸM"/>
        <family val="3"/>
        <charset val="128"/>
      </rPr>
      <t>※該当する要件は、「総合マネジメント体制強化加算（Ⅰ）に係る体制の届出内容」に記入すること。</t>
    </r>
    <rPh sb="1" eb="3">
      <t>カンゴ</t>
    </rPh>
    <phoneticPr fontId="1"/>
  </si>
  <si>
    <t>2　看護小規模多機能型居宅介護事業所</t>
    <rPh sb="2" eb="4">
      <t>カンゴ</t>
    </rPh>
    <rPh sb="4" eb="7">
      <t>ショウキボ</t>
    </rPh>
    <rPh sb="7" eb="11">
      <t>タキノウガタ</t>
    </rPh>
    <rPh sb="11" eb="13">
      <t>キョタク</t>
    </rPh>
    <rPh sb="13" eb="15">
      <t>カイゴ</t>
    </rPh>
    <rPh sb="15" eb="18">
      <t>ジギョウショ</t>
    </rPh>
    <phoneticPr fontId="1"/>
  </si>
  <si>
    <r>
      <t>見守り機器等を導入した場合で
常勤換算方法で0.9人以上の夜勤を行う介護従業者</t>
    </r>
    <r>
      <rPr>
        <sz val="9"/>
        <rFont val="HGSｺﾞｼｯｸM"/>
        <family val="3"/>
        <charset val="128"/>
      </rPr>
      <t xml:space="preserve">
※「２　見守り機器等を導入した場合の配置要件に該当する届出項目に
　おける必要事項」も記入すること。</t>
    </r>
    <rPh sb="15" eb="17">
      <t>ジョウキン</t>
    </rPh>
    <rPh sb="17" eb="19">
      <t>カンザン</t>
    </rPh>
    <rPh sb="19" eb="21">
      <t>ホウホウ</t>
    </rPh>
    <rPh sb="25" eb="28">
      <t>ニンイジョウ</t>
    </rPh>
    <rPh sb="29" eb="31">
      <t>ヤキン</t>
    </rPh>
    <rPh sb="32" eb="33">
      <t>オコナ</t>
    </rPh>
    <rPh sb="34" eb="36">
      <t>カイゴ</t>
    </rPh>
    <rPh sb="36" eb="39">
      <t>ジュウギョウシャ</t>
    </rPh>
    <phoneticPr fontId="1"/>
  </si>
  <si>
    <t>医療連携体制加算（Ⅰ）に係る届出書（認知症対応型共同生活介護事業所）</t>
    <rPh sb="0" eb="2">
      <t>イリョウ</t>
    </rPh>
    <rPh sb="2" eb="4">
      <t>レンケイ</t>
    </rPh>
    <rPh sb="4" eb="6">
      <t>タイセイ</t>
    </rPh>
    <rPh sb="6" eb="8">
      <t>カサン</t>
    </rPh>
    <rPh sb="12" eb="13">
      <t>カカ</t>
    </rPh>
    <rPh sb="14" eb="17">
      <t>トドケデショ</t>
    </rPh>
    <rPh sb="18" eb="21">
      <t>ニンチショウ</t>
    </rPh>
    <rPh sb="21" eb="24">
      <t>タイオウガタ</t>
    </rPh>
    <rPh sb="24" eb="26">
      <t>キョウドウ</t>
    </rPh>
    <rPh sb="26" eb="28">
      <t>セイカツ</t>
    </rPh>
    <rPh sb="28" eb="30">
      <t>カイゴ</t>
    </rPh>
    <rPh sb="30" eb="33">
      <t>ジギョウショ</t>
    </rPh>
    <phoneticPr fontId="1"/>
  </si>
  <si>
    <t>1　医療連携体制加算（Ⅰ）イ</t>
    <rPh sb="2" eb="4">
      <t>イリョウ</t>
    </rPh>
    <rPh sb="4" eb="6">
      <t>レンケイ</t>
    </rPh>
    <rPh sb="6" eb="8">
      <t>タイセイ</t>
    </rPh>
    <rPh sb="8" eb="10">
      <t>カサン</t>
    </rPh>
    <phoneticPr fontId="1"/>
  </si>
  <si>
    <t>2　医療連携体制加算（Ⅰ）ロ</t>
    <rPh sb="2" eb="4">
      <t>イリョウ</t>
    </rPh>
    <rPh sb="4" eb="6">
      <t>レンケイ</t>
    </rPh>
    <rPh sb="6" eb="8">
      <t>タイセイ</t>
    </rPh>
    <rPh sb="8" eb="10">
      <t>カサン</t>
    </rPh>
    <phoneticPr fontId="1"/>
  </si>
  <si>
    <t>3　医療連携体制加算（Ⅰ）ハ</t>
    <rPh sb="2" eb="4">
      <t>イリョウ</t>
    </rPh>
    <rPh sb="4" eb="6">
      <t>レンケイ</t>
    </rPh>
    <rPh sb="6" eb="8">
      <t>タイセイ</t>
    </rPh>
    <rPh sb="8" eb="10">
      <t>カサン</t>
    </rPh>
    <phoneticPr fontId="1"/>
  </si>
  <si>
    <t>○医療連携体制加算（Ⅰ）に係る届出内容</t>
    <phoneticPr fontId="1"/>
  </si>
  <si>
    <t>・医療連携体制加算（Ⅰ）イ</t>
    <rPh sb="1" eb="3">
      <t>イリョウ</t>
    </rPh>
    <rPh sb="3" eb="5">
      <t>レンケイ</t>
    </rPh>
    <rPh sb="5" eb="7">
      <t>タイセイ</t>
    </rPh>
    <rPh sb="7" eb="9">
      <t>カサン</t>
    </rPh>
    <phoneticPr fontId="1"/>
  </si>
  <si>
    <t>・医療連携体制加算（Ⅰ）ロ</t>
    <rPh sb="1" eb="3">
      <t>イリョウ</t>
    </rPh>
    <rPh sb="3" eb="5">
      <t>レンケイ</t>
    </rPh>
    <rPh sb="5" eb="7">
      <t>タイセイ</t>
    </rPh>
    <rPh sb="7" eb="9">
      <t>カサン</t>
    </rPh>
    <phoneticPr fontId="1"/>
  </si>
  <si>
    <r>
      <t>事業所の職員である看護職員</t>
    </r>
    <r>
      <rPr>
        <sz val="10"/>
        <rFont val="HGSｺﾞｼｯｸM"/>
        <family val="3"/>
        <charset val="128"/>
      </rPr>
      <t>（※１）</t>
    </r>
    <r>
      <rPr>
        <sz val="11"/>
        <rFont val="HGSｺﾞｼｯｸM"/>
        <family val="3"/>
        <charset val="128"/>
      </rPr>
      <t>又は病院等の看護師との連携により24時間連絡できる体制を確保している。</t>
    </r>
    <rPh sb="0" eb="3">
      <t>ジギョウショ</t>
    </rPh>
    <rPh sb="4" eb="6">
      <t>ショクイン</t>
    </rPh>
    <rPh sb="9" eb="11">
      <t>カンゴ</t>
    </rPh>
    <rPh sb="11" eb="13">
      <t>ショクイン</t>
    </rPh>
    <rPh sb="17" eb="18">
      <t>マタ</t>
    </rPh>
    <rPh sb="19" eb="21">
      <t>ビョウイン</t>
    </rPh>
    <rPh sb="21" eb="22">
      <t>トウ</t>
    </rPh>
    <rPh sb="23" eb="26">
      <t>カンゴシ</t>
    </rPh>
    <rPh sb="28" eb="30">
      <t>レンケイ</t>
    </rPh>
    <rPh sb="35" eb="37">
      <t>ジカン</t>
    </rPh>
    <rPh sb="37" eb="39">
      <t>レンラク</t>
    </rPh>
    <rPh sb="42" eb="44">
      <t>タイセイ</t>
    </rPh>
    <rPh sb="45" eb="47">
      <t>カクホ</t>
    </rPh>
    <phoneticPr fontId="1"/>
  </si>
  <si>
    <t>・医療連携体制加算（Ⅰ）ハ</t>
    <rPh sb="1" eb="3">
      <t>イリョウ</t>
    </rPh>
    <rPh sb="3" eb="5">
      <t>レンケイ</t>
    </rPh>
    <rPh sb="5" eb="7">
      <t>タイセイ</t>
    </rPh>
    <rPh sb="7" eb="9">
      <t>カサン</t>
    </rPh>
    <phoneticPr fontId="1"/>
  </si>
  <si>
    <r>
      <t>事業所の職員として又は病院等</t>
    </r>
    <r>
      <rPr>
        <sz val="10"/>
        <rFont val="HGSｺﾞｼｯｸM"/>
        <family val="3"/>
        <charset val="128"/>
      </rPr>
      <t>（※２）</t>
    </r>
    <r>
      <rPr>
        <sz val="11"/>
        <rFont val="HGSｺﾞｼｯｸM"/>
        <family val="3"/>
        <charset val="128"/>
      </rPr>
      <t>との連携により、看護師を１名以上確保している。</t>
    </r>
    <rPh sb="0" eb="3">
      <t>ジギョウショ</t>
    </rPh>
    <rPh sb="4" eb="6">
      <t>ショクイン</t>
    </rPh>
    <rPh sb="9" eb="10">
      <t>マタ</t>
    </rPh>
    <rPh sb="11" eb="13">
      <t>ビョウイン</t>
    </rPh>
    <rPh sb="13" eb="14">
      <t>トウ</t>
    </rPh>
    <rPh sb="20" eb="22">
      <t>レンケイ</t>
    </rPh>
    <rPh sb="26" eb="29">
      <t>カンゴシ</t>
    </rPh>
    <rPh sb="31" eb="32">
      <t>メイ</t>
    </rPh>
    <rPh sb="32" eb="34">
      <t>イジョウ</t>
    </rPh>
    <rPh sb="34" eb="36">
      <t>カクホ</t>
    </rPh>
    <phoneticPr fontId="1"/>
  </si>
  <si>
    <t>通所介護、（介護予防）通所リハビリテーション、
地域密着型通所介護、（介護予防）認知症対応型通所介護</t>
    <rPh sb="0" eb="2">
      <t>ツウショ</t>
    </rPh>
    <rPh sb="2" eb="4">
      <t>カイゴ</t>
    </rPh>
    <rPh sb="6" eb="8">
      <t>カイゴ</t>
    </rPh>
    <rPh sb="8" eb="10">
      <t>ヨボウ</t>
    </rPh>
    <rPh sb="11" eb="13">
      <t>ツウショ</t>
    </rPh>
    <rPh sb="24" eb="29">
      <t>チイキミッチャクガタ</t>
    </rPh>
    <rPh sb="29" eb="31">
      <t>ツウショ</t>
    </rPh>
    <rPh sb="31" eb="33">
      <t>カイゴ</t>
    </rPh>
    <rPh sb="35" eb="37">
      <t>カイゴ</t>
    </rPh>
    <rPh sb="37" eb="39">
      <t>ヨボウ</t>
    </rPh>
    <rPh sb="40" eb="43">
      <t>ニンチショウ</t>
    </rPh>
    <rPh sb="43" eb="46">
      <t>タイオウガタ</t>
    </rPh>
    <rPh sb="46" eb="48">
      <t>ツウショ</t>
    </rPh>
    <rPh sb="48" eb="50">
      <t>カイゴ</t>
    </rPh>
    <phoneticPr fontId="1"/>
  </si>
  <si>
    <t>1　通所介護</t>
    <rPh sb="2" eb="4">
      <t>ツウショ</t>
    </rPh>
    <rPh sb="4" eb="6">
      <t>カイゴ</t>
    </rPh>
    <phoneticPr fontId="1"/>
  </si>
  <si>
    <t>2　（介護予防）通所リハビリテーション</t>
    <rPh sb="3" eb="5">
      <t>カイゴ</t>
    </rPh>
    <rPh sb="5" eb="7">
      <t>ヨボウ</t>
    </rPh>
    <rPh sb="8" eb="10">
      <t>ツウショ</t>
    </rPh>
    <phoneticPr fontId="1"/>
  </si>
  <si>
    <t>3　地域密着型通所介護</t>
    <rPh sb="2" eb="4">
      <t>チイキ</t>
    </rPh>
    <rPh sb="4" eb="7">
      <t>ミッチャクガタ</t>
    </rPh>
    <rPh sb="7" eb="9">
      <t>ツウショ</t>
    </rPh>
    <rPh sb="9" eb="11">
      <t>カイゴ</t>
    </rPh>
    <phoneticPr fontId="1"/>
  </si>
  <si>
    <t>3　（介護予防）認知症対応型通所介護</t>
    <rPh sb="3" eb="5">
      <t>カイゴ</t>
    </rPh>
    <rPh sb="5" eb="7">
      <t>ヨボウ</t>
    </rPh>
    <rPh sb="8" eb="11">
      <t>ニンチショウ</t>
    </rPh>
    <rPh sb="11" eb="14">
      <t>タイオウガタ</t>
    </rPh>
    <rPh sb="14" eb="16">
      <t>ツウショ</t>
    </rPh>
    <rPh sb="16" eb="18">
      <t>カイゴ</t>
    </rPh>
    <phoneticPr fontId="1"/>
  </si>
  <si>
    <t>（別紙１4－３）</t>
    <phoneticPr fontId="1"/>
  </si>
  <si>
    <t>1（介護予防）短期入所生活介護（</t>
    <rPh sb="2" eb="4">
      <t>カイゴ</t>
    </rPh>
    <rPh sb="4" eb="6">
      <t>ヨボウ</t>
    </rPh>
    <rPh sb="7" eb="9">
      <t>タンキ</t>
    </rPh>
    <rPh sb="9" eb="11">
      <t>ニュウショ</t>
    </rPh>
    <rPh sb="11" eb="13">
      <t>セイカツ</t>
    </rPh>
    <rPh sb="13" eb="15">
      <t>カイゴ</t>
    </rPh>
    <phoneticPr fontId="1"/>
  </si>
  <si>
    <t>ア 単独型</t>
    <rPh sb="2" eb="5">
      <t>タンドクガタ</t>
    </rPh>
    <phoneticPr fontId="1"/>
  </si>
  <si>
    <t>イ 併設型</t>
    <rPh sb="2" eb="4">
      <t>ヘイセツ</t>
    </rPh>
    <rPh sb="4" eb="5">
      <t>ガタ</t>
    </rPh>
    <phoneticPr fontId="1"/>
  </si>
  <si>
    <t>ウ 空床利用型）</t>
    <rPh sb="2" eb="4">
      <t>クウショウ</t>
    </rPh>
    <rPh sb="4" eb="6">
      <t>リヨウ</t>
    </rPh>
    <rPh sb="6" eb="7">
      <t>ガタ</t>
    </rPh>
    <phoneticPr fontId="1"/>
  </si>
  <si>
    <t>2（介護予防）短期入所療養介護</t>
    <rPh sb="2" eb="4">
      <t>カイゴ</t>
    </rPh>
    <rPh sb="4" eb="6">
      <t>ヨボウ</t>
    </rPh>
    <rPh sb="7" eb="9">
      <t>タンキ</t>
    </rPh>
    <rPh sb="9" eb="11">
      <t>ニュウショ</t>
    </rPh>
    <rPh sb="11" eb="13">
      <t>リョウヨウ</t>
    </rPh>
    <rPh sb="13" eb="15">
      <t>カイゴ</t>
    </rPh>
    <phoneticPr fontId="1"/>
  </si>
  <si>
    <t>3　介護老人福祉施設</t>
    <rPh sb="2" eb="4">
      <t>カイゴ</t>
    </rPh>
    <rPh sb="4" eb="6">
      <t>ロウジン</t>
    </rPh>
    <rPh sb="6" eb="8">
      <t>フクシ</t>
    </rPh>
    <rPh sb="8" eb="10">
      <t>シセツ</t>
    </rPh>
    <phoneticPr fontId="1"/>
  </si>
  <si>
    <t>4　地域密着型介護老人福祉施設</t>
    <rPh sb="2" eb="4">
      <t>チイキ</t>
    </rPh>
    <rPh sb="4" eb="7">
      <t>ミッチャクガタ</t>
    </rPh>
    <rPh sb="7" eb="9">
      <t>カイゴ</t>
    </rPh>
    <rPh sb="9" eb="11">
      <t>ロウジン</t>
    </rPh>
    <rPh sb="11" eb="13">
      <t>フクシ</t>
    </rPh>
    <rPh sb="13" eb="15">
      <t>シセツ</t>
    </rPh>
    <phoneticPr fontId="1"/>
  </si>
  <si>
    <t>5　介護老人保健施設</t>
    <rPh sb="2" eb="4">
      <t>カイゴ</t>
    </rPh>
    <rPh sb="4" eb="6">
      <t>ロウジン</t>
    </rPh>
    <rPh sb="6" eb="8">
      <t>ホケン</t>
    </rPh>
    <rPh sb="8" eb="10">
      <t>シセツ</t>
    </rPh>
    <phoneticPr fontId="1"/>
  </si>
  <si>
    <t>①に占める②の割合が80％以上</t>
    <rPh sb="2" eb="3">
      <t>シ</t>
    </rPh>
    <rPh sb="7" eb="9">
      <t>ワリアイ</t>
    </rPh>
    <rPh sb="13" eb="15">
      <t>イジョウ</t>
    </rPh>
    <phoneticPr fontId="1"/>
  </si>
  <si>
    <t>①に占める③の割合が35％以上</t>
    <rPh sb="2" eb="3">
      <t>シ</t>
    </rPh>
    <rPh sb="7" eb="9">
      <t>ワリアイ</t>
    </rPh>
    <rPh sb="13" eb="15">
      <t>イジョウ</t>
    </rPh>
    <phoneticPr fontId="1"/>
  </si>
  <si>
    <t>　　　 ※介護福祉士等の状況、常勤職員の状況、勤続年数の状況のうち、いずれか１つを満たすこと。</t>
    <phoneticPr fontId="1"/>
  </si>
  <si>
    <t>介護老人福祉施設又は地域密着型介護老人福祉施設と（介護予防）短期入所生活介護において、別の加算を取得する場合は、別に本届出書を提出すること。空床利用型の（介護予防）短期入所生活介護について届け出る場合は、本体施設である介護老人福祉施設又は地域密着型介護老人福祉施設における状況を記載すること。</t>
    <rPh sb="0" eb="2">
      <t>カイゴ</t>
    </rPh>
    <rPh sb="2" eb="4">
      <t>ロウジン</t>
    </rPh>
    <rPh sb="4" eb="6">
      <t>フクシ</t>
    </rPh>
    <rPh sb="6" eb="8">
      <t>シセツ</t>
    </rPh>
    <rPh sb="8" eb="9">
      <t>マタ</t>
    </rPh>
    <rPh sb="10" eb="23">
      <t>チイキミッチャクガタカイゴロウジンフクシシセツ</t>
    </rPh>
    <rPh sb="25" eb="27">
      <t>カイゴ</t>
    </rPh>
    <rPh sb="27" eb="29">
      <t>ヨボウ</t>
    </rPh>
    <rPh sb="30" eb="32">
      <t>タンキ</t>
    </rPh>
    <rPh sb="32" eb="34">
      <t>ニュウショ</t>
    </rPh>
    <rPh sb="34" eb="36">
      <t>セイカツ</t>
    </rPh>
    <rPh sb="36" eb="38">
      <t>カイゴ</t>
    </rPh>
    <rPh sb="43" eb="44">
      <t>ベツ</t>
    </rPh>
    <rPh sb="45" eb="47">
      <t>カサン</t>
    </rPh>
    <rPh sb="48" eb="50">
      <t>シュトク</t>
    </rPh>
    <rPh sb="52" eb="54">
      <t>バアイ</t>
    </rPh>
    <rPh sb="56" eb="57">
      <t>ベツ</t>
    </rPh>
    <rPh sb="58" eb="59">
      <t>ホン</t>
    </rPh>
    <rPh sb="59" eb="62">
      <t>トドケデショ</t>
    </rPh>
    <rPh sb="63" eb="65">
      <t>テイシュツ</t>
    </rPh>
    <rPh sb="70" eb="72">
      <t>クウショウ</t>
    </rPh>
    <rPh sb="72" eb="74">
      <t>リヨウ</t>
    </rPh>
    <rPh sb="74" eb="75">
      <t>ガタ</t>
    </rPh>
    <rPh sb="77" eb="79">
      <t>カイゴ</t>
    </rPh>
    <rPh sb="79" eb="81">
      <t>ヨボウ</t>
    </rPh>
    <rPh sb="82" eb="90">
      <t>タンキニュウショセイカツカイゴ</t>
    </rPh>
    <rPh sb="94" eb="95">
      <t>トド</t>
    </rPh>
    <rPh sb="96" eb="97">
      <t>デ</t>
    </rPh>
    <rPh sb="98" eb="100">
      <t>バアイ</t>
    </rPh>
    <rPh sb="102" eb="104">
      <t>ホンタイ</t>
    </rPh>
    <rPh sb="104" eb="106">
      <t>シセツ</t>
    </rPh>
    <rPh sb="109" eb="111">
      <t>カイゴ</t>
    </rPh>
    <rPh sb="111" eb="113">
      <t>ロウジン</t>
    </rPh>
    <rPh sb="113" eb="115">
      <t>フクシ</t>
    </rPh>
    <rPh sb="115" eb="117">
      <t>シセツ</t>
    </rPh>
    <rPh sb="117" eb="118">
      <t>マタ</t>
    </rPh>
    <rPh sb="119" eb="132">
      <t>チイキミッチャクガタカイゴロウジンフクシシセツ</t>
    </rPh>
    <rPh sb="136" eb="138">
      <t>ジョウキョウ</t>
    </rPh>
    <rPh sb="139" eb="141">
      <t>キサイ</t>
    </rPh>
    <phoneticPr fontId="1"/>
  </si>
  <si>
    <t>特定事業所加算(A)に係る届出書（居宅介護支援事業所）</t>
    <rPh sb="0" eb="2">
      <t>トクテイ</t>
    </rPh>
    <rPh sb="2" eb="5">
      <t>ジギョウショ</t>
    </rPh>
    <rPh sb="5" eb="7">
      <t>カサン</t>
    </rPh>
    <rPh sb="11" eb="12">
      <t>カカ</t>
    </rPh>
    <rPh sb="13" eb="16">
      <t>トドケデショ</t>
    </rPh>
    <rPh sb="17" eb="19">
      <t>キョタク</t>
    </rPh>
    <rPh sb="19" eb="21">
      <t>カイゴ</t>
    </rPh>
    <rPh sb="21" eb="23">
      <t>シエン</t>
    </rPh>
    <rPh sb="23" eb="26">
      <t>ジギョウショ</t>
    </rPh>
    <phoneticPr fontId="1"/>
  </si>
  <si>
    <t>事　  業 　 所　  名</t>
    <phoneticPr fontId="1"/>
  </si>
  <si>
    <t>連 携 先 事 業 所 名</t>
    <rPh sb="0" eb="1">
      <t>レン</t>
    </rPh>
    <rPh sb="2" eb="3">
      <t>ケイ</t>
    </rPh>
    <rPh sb="4" eb="5">
      <t>サキ</t>
    </rPh>
    <rPh sb="6" eb="7">
      <t>コト</t>
    </rPh>
    <rPh sb="8" eb="9">
      <t>ゴウ</t>
    </rPh>
    <rPh sb="10" eb="11">
      <t>ショ</t>
    </rPh>
    <rPh sb="12" eb="13">
      <t>メイ</t>
    </rPh>
    <phoneticPr fontId="1"/>
  </si>
  <si>
    <t>異　動　等　区　分</t>
    <phoneticPr fontId="1"/>
  </si>
  <si>
    <t xml:space="preserve"> 特定事業所加算(A)に係る届出内容</t>
    <rPh sb="1" eb="3">
      <t>トクテイ</t>
    </rPh>
    <rPh sb="3" eb="6">
      <t>ジギョウショ</t>
    </rPh>
    <rPh sb="6" eb="8">
      <t>カサン</t>
    </rPh>
    <rPh sb="12" eb="13">
      <t>カカ</t>
    </rPh>
    <rPh sb="14" eb="16">
      <t>トドケデ</t>
    </rPh>
    <rPh sb="16" eb="18">
      <t>ナイヨウ</t>
    </rPh>
    <phoneticPr fontId="1"/>
  </si>
  <si>
    <t>(1)  　常勤かつ専従の主任介護支援専門員を配置している。</t>
    <rPh sb="6" eb="8">
      <t>ジョウキン</t>
    </rPh>
    <rPh sb="13" eb="15">
      <t>シュニン</t>
    </rPh>
    <rPh sb="15" eb="17">
      <t>カイゴ</t>
    </rPh>
    <rPh sb="17" eb="19">
      <t>シエン</t>
    </rPh>
    <rPh sb="19" eb="22">
      <t>センモンイン</t>
    </rPh>
    <rPh sb="23" eb="25">
      <t>ハイチ</t>
    </rPh>
    <phoneticPr fontId="1"/>
  </si>
  <si>
    <t>(2)  　介護支援専門員の配置状況</t>
    <phoneticPr fontId="1"/>
  </si>
  <si>
    <t>　非常勤</t>
    <rPh sb="1" eb="4">
      <t>ヒジョウキン</t>
    </rPh>
    <phoneticPr fontId="1"/>
  </si>
  <si>
    <t>(3)  　利用者に関する情報又はサービス提供に当たっての留意事項に係る</t>
    <rPh sb="6" eb="9">
      <t>リヨウシャ</t>
    </rPh>
    <rPh sb="10" eb="11">
      <t>カン</t>
    </rPh>
    <rPh sb="13" eb="15">
      <t>ジョウホウ</t>
    </rPh>
    <rPh sb="15" eb="16">
      <t>マタ</t>
    </rPh>
    <rPh sb="21" eb="23">
      <t>テイキョウ</t>
    </rPh>
    <rPh sb="29" eb="31">
      <t>リュウイ</t>
    </rPh>
    <rPh sb="31" eb="33">
      <t>ジコウ</t>
    </rPh>
    <rPh sb="34" eb="35">
      <t>カカ</t>
    </rPh>
    <phoneticPr fontId="1"/>
  </si>
  <si>
    <t xml:space="preserve">         伝達等を目的とした会議を定期的に開催している。</t>
    <rPh sb="9" eb="11">
      <t>デンタツ</t>
    </rPh>
    <rPh sb="11" eb="12">
      <t>トウ</t>
    </rPh>
    <rPh sb="13" eb="15">
      <t>モクテキ</t>
    </rPh>
    <rPh sb="18" eb="20">
      <t>カイギ</t>
    </rPh>
    <rPh sb="21" eb="24">
      <t>テイキテキ</t>
    </rPh>
    <rPh sb="25" eb="27">
      <t>カイサイ</t>
    </rPh>
    <phoneticPr fontId="1"/>
  </si>
  <si>
    <t>(4)  　24時間常時連絡できる体制を整備している。（連携可）</t>
    <rPh sb="28" eb="30">
      <t>レンケイ</t>
    </rPh>
    <rPh sb="30" eb="31">
      <t>カ</t>
    </rPh>
    <phoneticPr fontId="1"/>
  </si>
  <si>
    <t>(5)　  介護支援専門員に対し、計画的に、研修を実施している。（連携可）</t>
    <rPh sb="6" eb="8">
      <t>カイゴ</t>
    </rPh>
    <rPh sb="8" eb="10">
      <t>シエン</t>
    </rPh>
    <rPh sb="10" eb="13">
      <t>センモンイン</t>
    </rPh>
    <rPh sb="14" eb="15">
      <t>タイ</t>
    </rPh>
    <rPh sb="17" eb="20">
      <t>ケイカクテキ</t>
    </rPh>
    <rPh sb="22" eb="24">
      <t>ケンシュウ</t>
    </rPh>
    <rPh sb="25" eb="27">
      <t>ジッシ</t>
    </rPh>
    <phoneticPr fontId="1"/>
  </si>
  <si>
    <t>(6)  　地域包括支援センターからの支援困難ケースが紹介された場合に、</t>
    <rPh sb="6" eb="8">
      <t>チイキ</t>
    </rPh>
    <rPh sb="8" eb="10">
      <t>ホウカツ</t>
    </rPh>
    <rPh sb="10" eb="12">
      <t>シエン</t>
    </rPh>
    <rPh sb="19" eb="21">
      <t>シエン</t>
    </rPh>
    <rPh sb="21" eb="23">
      <t>コンナン</t>
    </rPh>
    <rPh sb="27" eb="29">
      <t>ショウカイ</t>
    </rPh>
    <rPh sb="32" eb="34">
      <t>バアイ</t>
    </rPh>
    <phoneticPr fontId="1"/>
  </si>
  <si>
    <t>　      当該ケースを受託する体制を整備している。</t>
    <rPh sb="7" eb="9">
      <t>トウガイ</t>
    </rPh>
    <rPh sb="13" eb="15">
      <t>ジュタク</t>
    </rPh>
    <rPh sb="17" eb="19">
      <t>タイセイ</t>
    </rPh>
    <rPh sb="20" eb="22">
      <t>セイビ</t>
    </rPh>
    <phoneticPr fontId="1"/>
  </si>
  <si>
    <t>(9)  　介護支援専門員1人当たり（常勤換算方法による）の担当件数について</t>
    <rPh sb="6" eb="8">
      <t>カイゴ</t>
    </rPh>
    <rPh sb="8" eb="10">
      <t>シエン</t>
    </rPh>
    <rPh sb="10" eb="13">
      <t>センモンイン</t>
    </rPh>
    <rPh sb="14" eb="15">
      <t>ニン</t>
    </rPh>
    <rPh sb="15" eb="16">
      <t>ア</t>
    </rPh>
    <rPh sb="19" eb="21">
      <t>ジョウキン</t>
    </rPh>
    <rPh sb="21" eb="23">
      <t>カンサン</t>
    </rPh>
    <rPh sb="23" eb="25">
      <t>ホウホウ</t>
    </rPh>
    <rPh sb="30" eb="32">
      <t>タントウ</t>
    </rPh>
    <rPh sb="32" eb="34">
      <t>ケンスウ</t>
    </rPh>
    <phoneticPr fontId="1"/>
  </si>
  <si>
    <t>(10)　介護支援専門員実務研修における科目「ケアマネジメントの</t>
    <phoneticPr fontId="1"/>
  </si>
  <si>
    <t>　　　基礎技術に関する実習」等に協力又は協力体制の確保の有無（連携可）</t>
    <phoneticPr fontId="1"/>
  </si>
  <si>
    <t>(11)　他の法人が運営する指定居宅介護支援事業者と共同で</t>
    <rPh sb="5" eb="6">
      <t>タ</t>
    </rPh>
    <rPh sb="7" eb="9">
      <t>ホウジン</t>
    </rPh>
    <rPh sb="10" eb="12">
      <t>ウンエイ</t>
    </rPh>
    <rPh sb="14" eb="16">
      <t>シテイ</t>
    </rPh>
    <rPh sb="16" eb="18">
      <t>キョタク</t>
    </rPh>
    <rPh sb="18" eb="20">
      <t>カイゴ</t>
    </rPh>
    <rPh sb="20" eb="22">
      <t>シエン</t>
    </rPh>
    <rPh sb="22" eb="25">
      <t>ジギョウシャ</t>
    </rPh>
    <rPh sb="26" eb="28">
      <t>キョウドウ</t>
    </rPh>
    <phoneticPr fontId="1"/>
  </si>
  <si>
    <t>　　　事例検討会、研修会等を実施している。（連携可）</t>
    <phoneticPr fontId="1"/>
  </si>
  <si>
    <t>(12)　必要に応じて、多様な主体により提供される利用者の日常生活全般を</t>
    <rPh sb="5" eb="7">
      <t>ヒツヨウ</t>
    </rPh>
    <rPh sb="8" eb="9">
      <t>オウ</t>
    </rPh>
    <rPh sb="12" eb="14">
      <t>タヨウ</t>
    </rPh>
    <rPh sb="15" eb="17">
      <t>シュタイ</t>
    </rPh>
    <rPh sb="20" eb="22">
      <t>テイキョウ</t>
    </rPh>
    <rPh sb="25" eb="28">
      <t>リヨウシャ</t>
    </rPh>
    <rPh sb="29" eb="31">
      <t>ニチジョウ</t>
    </rPh>
    <rPh sb="31" eb="33">
      <t>セイカツ</t>
    </rPh>
    <rPh sb="33" eb="35">
      <t>ゼンパン</t>
    </rPh>
    <phoneticPr fontId="1"/>
  </si>
  <si>
    <t>　　　作成している</t>
    <rPh sb="3" eb="5">
      <t>サクセイ</t>
    </rPh>
    <phoneticPr fontId="1"/>
  </si>
  <si>
    <t>（別紙36－2）</t>
    <phoneticPr fontId="1"/>
  </si>
  <si>
    <t>（別紙１4－４）</t>
    <phoneticPr fontId="1"/>
  </si>
  <si>
    <t>（介護予防）短期入所生活介護、（介護予防）短期入所療養介護、介護老人福祉施設、
地域密着型介護老人福祉施設、介護老人保健施設、介護医療院</t>
    <rPh sb="1" eb="3">
      <t>カイゴ</t>
    </rPh>
    <rPh sb="3" eb="5">
      <t>ヨボウ</t>
    </rPh>
    <rPh sb="6" eb="8">
      <t>タンキ</t>
    </rPh>
    <rPh sb="8" eb="10">
      <t>ニュウショ</t>
    </rPh>
    <rPh sb="10" eb="12">
      <t>セイカツ</t>
    </rPh>
    <rPh sb="12" eb="14">
      <t>カイゴ</t>
    </rPh>
    <rPh sb="16" eb="18">
      <t>カイゴ</t>
    </rPh>
    <rPh sb="18" eb="20">
      <t>ヨボウ</t>
    </rPh>
    <rPh sb="21" eb="23">
      <t>タンキ</t>
    </rPh>
    <rPh sb="23" eb="25">
      <t>ニュウショ</t>
    </rPh>
    <rPh sb="25" eb="27">
      <t>リョウヨウ</t>
    </rPh>
    <rPh sb="27" eb="29">
      <t>カイゴ</t>
    </rPh>
    <rPh sb="30" eb="32">
      <t>カイゴ</t>
    </rPh>
    <rPh sb="32" eb="34">
      <t>ロウジン</t>
    </rPh>
    <rPh sb="34" eb="36">
      <t>フクシ</t>
    </rPh>
    <rPh sb="36" eb="38">
      <t>シセツ</t>
    </rPh>
    <rPh sb="40" eb="42">
      <t>チイキ</t>
    </rPh>
    <rPh sb="42" eb="45">
      <t>ミッチャクガタ</t>
    </rPh>
    <rPh sb="45" eb="47">
      <t>カイゴ</t>
    </rPh>
    <rPh sb="47" eb="49">
      <t>ロウジン</t>
    </rPh>
    <rPh sb="49" eb="51">
      <t>フクシ</t>
    </rPh>
    <rPh sb="51" eb="53">
      <t>シセツ</t>
    </rPh>
    <rPh sb="54" eb="56">
      <t>カイゴ</t>
    </rPh>
    <rPh sb="56" eb="58">
      <t>ロウジン</t>
    </rPh>
    <rPh sb="58" eb="60">
      <t>ホケン</t>
    </rPh>
    <rPh sb="60" eb="62">
      <t>シセツ</t>
    </rPh>
    <rPh sb="63" eb="65">
      <t>カイゴ</t>
    </rPh>
    <rPh sb="65" eb="68">
      <t>イリョウイン</t>
    </rPh>
    <phoneticPr fontId="1"/>
  </si>
  <si>
    <t>6　介護医療院</t>
    <rPh sb="2" eb="4">
      <t>カイゴ</t>
    </rPh>
    <rPh sb="4" eb="6">
      <t>イリョウ</t>
    </rPh>
    <rPh sb="6" eb="7">
      <t>イン</t>
    </rPh>
    <phoneticPr fontId="1"/>
  </si>
  <si>
    <t>　※（地域密着型）介護老人福祉施設、介護老人保健施設、介護医療院は記載</t>
    <rPh sb="33" eb="35">
      <t>キサイ</t>
    </rPh>
    <phoneticPr fontId="1"/>
  </si>
  <si>
    <t>(7)  　家族に対する介護等を日常的に行っている児童や、障害者、生活困窮者、</t>
  </si>
  <si>
    <t>(8)  　特定事業所集中減算の適用の有無</t>
  </si>
  <si>
    <t>高齢者施設等感染対策向上加算に係る届出書</t>
    <rPh sb="0" eb="3">
      <t>コウレイシャ</t>
    </rPh>
    <rPh sb="3" eb="5">
      <t>シセツ</t>
    </rPh>
    <rPh sb="5" eb="6">
      <t>トウ</t>
    </rPh>
    <rPh sb="6" eb="8">
      <t>カンセン</t>
    </rPh>
    <rPh sb="8" eb="10">
      <t>タイサク</t>
    </rPh>
    <rPh sb="10" eb="12">
      <t>コウジョウ</t>
    </rPh>
    <rPh sb="12" eb="14">
      <t>カサン</t>
    </rPh>
    <rPh sb="15" eb="16">
      <t>カカ</t>
    </rPh>
    <rPh sb="17" eb="20">
      <t>トドケデショ</t>
    </rPh>
    <phoneticPr fontId="1"/>
  </si>
  <si>
    <t>④ 利用者の安全並びに介護サービスの質の確保及び職員の負担軽減に資する方策を検討するため</t>
    <phoneticPr fontId="1"/>
  </si>
  <si>
    <t>　 の委員会（以下「委員会」という。）において、以下のすべての項目について必要な検討を行い、</t>
    <phoneticPr fontId="1"/>
  </si>
  <si>
    <t>　 当該項目の実施を確認</t>
    <phoneticPr fontId="1"/>
  </si>
  <si>
    <t>ⅳ 業務の効率化、ケアの質の確保、職員の負担軽減を図るための職</t>
    <rPh sb="2" eb="4">
      <t>ギョウム</t>
    </rPh>
    <rPh sb="5" eb="8">
      <t>コウリツカ</t>
    </rPh>
    <rPh sb="12" eb="13">
      <t>シツ</t>
    </rPh>
    <rPh sb="14" eb="16">
      <t>カクホ</t>
    </rPh>
    <rPh sb="17" eb="19">
      <t>ショクイン</t>
    </rPh>
    <rPh sb="20" eb="22">
      <t>フタン</t>
    </rPh>
    <rPh sb="22" eb="24">
      <t>ケイゲン</t>
    </rPh>
    <rPh sb="25" eb="26">
      <t>ハカ</t>
    </rPh>
    <rPh sb="30" eb="31">
      <t>ショク</t>
    </rPh>
    <phoneticPr fontId="1"/>
  </si>
  <si>
    <t>　 員に対する教育の実施</t>
    <phoneticPr fontId="1"/>
  </si>
  <si>
    <t>備考３　本加算を算定する場合は、事業年度毎に取組の実績をオンラインで厚生労働省に報告すること。</t>
    <rPh sb="0" eb="2">
      <t>ビコウ</t>
    </rPh>
    <phoneticPr fontId="1"/>
  </si>
  <si>
    <t>備考４　届出にあたっては、別途通知（「生産性向上推進体制加算に関する基本的考え方並びに事務処理手順及び様式例</t>
    <rPh sb="0" eb="2">
      <t>ビコウ</t>
    </rPh>
    <phoneticPr fontId="1"/>
  </si>
  <si>
    <t>　　　等の提示について」）を参照すること。</t>
    <phoneticPr fontId="1"/>
  </si>
  <si>
    <t>①のうち勤続年数７年以上の者の総数
（常勤換算）</t>
    <phoneticPr fontId="1"/>
  </si>
  <si>
    <t>備考　１、２、３又は４の専門の研修を修了したことが確認できる文書（当該研修の名称、</t>
    <phoneticPr fontId="1"/>
  </si>
  <si>
    <t>実施主体、修了日及び修了者の氏名等を記載した一覧でも可）を添付すること。</t>
    <rPh sb="10" eb="12">
      <t>シュウリョウ</t>
    </rPh>
    <rPh sb="12" eb="13">
      <t>ヒ</t>
    </rPh>
    <rPh sb="13" eb="14">
      <t>オヨ</t>
    </rPh>
    <rPh sb="15" eb="18">
      <t>シュウリョウシャ</t>
    </rPh>
    <rPh sb="19" eb="21">
      <t>シメイ</t>
    </rPh>
    <rPh sb="21" eb="22">
      <t>トウ</t>
    </rPh>
    <rPh sb="23" eb="25">
      <t>キサイ</t>
    </rPh>
    <rPh sb="27" eb="29">
      <t>イチラン</t>
    </rPh>
    <rPh sb="31" eb="32">
      <t>カ</t>
    </rPh>
    <rPh sb="34" eb="36">
      <t>テンプ</t>
    </rPh>
    <phoneticPr fontId="1"/>
  </si>
  <si>
    <t>備考　研修を修了したことが確認できる文書（当該研修の名称、実施主体、修了日及び修了者の</t>
    <phoneticPr fontId="1"/>
  </si>
  <si>
    <t>氏名等を記載した一覧でも可）を添付すること。</t>
    <rPh sb="4" eb="6">
      <t>キサイ</t>
    </rPh>
    <rPh sb="8" eb="10">
      <t>イチラン</t>
    </rPh>
    <rPh sb="12" eb="13">
      <t>カ</t>
    </rPh>
    <rPh sb="15" eb="17">
      <t>テンプ</t>
    </rPh>
    <phoneticPr fontId="1"/>
  </si>
  <si>
    <t>　⑦　「人生の最終段階における医療・ケアの決定プロセスに関
　　するガイドライン」等の内容に沿った取組を行っている。</t>
    <rPh sb="4" eb="6">
      <t>ジンセイ</t>
    </rPh>
    <rPh sb="7" eb="9">
      <t>サイシュウ</t>
    </rPh>
    <rPh sb="9" eb="11">
      <t>ダンカイ</t>
    </rPh>
    <rPh sb="15" eb="17">
      <t>イリョウ</t>
    </rPh>
    <rPh sb="21" eb="23">
      <t>ケッテイ</t>
    </rPh>
    <rPh sb="28" eb="29">
      <t>カン</t>
    </rPh>
    <rPh sb="41" eb="42">
      <t>トウ</t>
    </rPh>
    <rPh sb="43" eb="45">
      <t>ナイヨウ</t>
    </rPh>
    <rPh sb="46" eb="47">
      <t>ソ</t>
    </rPh>
    <rPh sb="49" eb="51">
      <t>トリクミ</t>
    </rPh>
    <rPh sb="52" eb="53">
      <t>オコナ</t>
    </rPh>
    <phoneticPr fontId="1"/>
  </si>
  <si>
    <t>(8)  　家族に対する介護等を日常的に行っている児童や、障害者、生活困窮者、</t>
    <phoneticPr fontId="1"/>
  </si>
  <si>
    <t>(9)  　特定事業所集中減算の適用の有無</t>
    <phoneticPr fontId="1"/>
  </si>
  <si>
    <t>　ⅰ 利用者の安全並びに介護サービスの質の確保及び職員の負担軽減に資する方策を検討するための
       委員会を設置</t>
    <rPh sb="3" eb="6">
      <t>リヨウシャ</t>
    </rPh>
    <rPh sb="7" eb="9">
      <t>アンゼン</t>
    </rPh>
    <rPh sb="9" eb="10">
      <t>ナラ</t>
    </rPh>
    <rPh sb="12" eb="14">
      <t>カイゴ</t>
    </rPh>
    <rPh sb="19" eb="20">
      <t>シツ</t>
    </rPh>
    <rPh sb="21" eb="23">
      <t>カクホ</t>
    </rPh>
    <rPh sb="23" eb="24">
      <t>オヨ</t>
    </rPh>
    <rPh sb="25" eb="27">
      <t>ショクイン</t>
    </rPh>
    <rPh sb="28" eb="30">
      <t>フタン</t>
    </rPh>
    <rPh sb="30" eb="32">
      <t>ケイゲン</t>
    </rPh>
    <rPh sb="33" eb="34">
      <t>シ</t>
    </rPh>
    <rPh sb="36" eb="38">
      <t>ホウサク</t>
    </rPh>
    <rPh sb="39" eb="41">
      <t>ケントウ</t>
    </rPh>
    <rPh sb="54" eb="57">
      <t>イインカイ</t>
    </rPh>
    <rPh sb="58" eb="60">
      <t>セッチ</t>
    </rPh>
    <phoneticPr fontId="1"/>
  </si>
  <si>
    <t>備考１　要件を満たすことが分かる根拠書類を準備し、指定権者からの求めがあった場合には、速やかに
　　　提出すること。</t>
    <rPh sb="0" eb="2">
      <t>ビコウ</t>
    </rPh>
    <rPh sb="4" eb="6">
      <t>ヨウケン</t>
    </rPh>
    <rPh sb="7" eb="8">
      <t>ミ</t>
    </rPh>
    <rPh sb="13" eb="14">
      <t>ワ</t>
    </rPh>
    <rPh sb="16" eb="18">
      <t>コンキョ</t>
    </rPh>
    <rPh sb="18" eb="20">
      <t>ショルイ</t>
    </rPh>
    <phoneticPr fontId="1"/>
  </si>
  <si>
    <t>備考２　「認知症介護に係る専門的な研修」とは、認知症介護実践リーダー研修及び認知症看護に係る
　　　適切な研修を、「認知症介護の指導に係る専門的な研修」とは、認知症介護指導者養成研修及び
　　　認知症看護に係る適切な研修を指す。</t>
    <rPh sb="0" eb="2">
      <t>ビコウ</t>
    </rPh>
    <phoneticPr fontId="1"/>
  </si>
  <si>
    <t>※認知症看護に係る適切な研修：</t>
    <phoneticPr fontId="1"/>
  </si>
  <si>
    <t>備考３　認知症加算（Ⅰ ）の算定にあっては、認知症介護実践リーダー研修と認知症介護指導者養成研修
　　　の両方を修了した者、又は認知症看護に係る適切な研修を修了した者を１名配置する場合、「認知症
　　　介護に係る専門的な研修」及び「認知症介護の指導に係る専門的な研修」の修了者をそれぞれ１名
　　　配置したことになる。</t>
    <rPh sb="0" eb="2">
      <t>ビコウ</t>
    </rPh>
    <rPh sb="4" eb="7">
      <t>ニンチショウ</t>
    </rPh>
    <rPh sb="7" eb="9">
      <t>カサン</t>
    </rPh>
    <rPh sb="14" eb="16">
      <t>サンテイ</t>
    </rPh>
    <rPh sb="22" eb="25">
      <t>ニンチショウ</t>
    </rPh>
    <rPh sb="25" eb="27">
      <t>カイゴ</t>
    </rPh>
    <rPh sb="27" eb="29">
      <t>ジッセン</t>
    </rPh>
    <rPh sb="33" eb="35">
      <t>ケンシュウ</t>
    </rPh>
    <rPh sb="36" eb="39">
      <t>ニンチショウ</t>
    </rPh>
    <rPh sb="39" eb="41">
      <t>カイゴ</t>
    </rPh>
    <rPh sb="41" eb="44">
      <t>シドウシャ</t>
    </rPh>
    <rPh sb="44" eb="45">
      <t>ヨウ</t>
    </rPh>
    <phoneticPr fontId="1"/>
  </si>
  <si>
    <t>⑥ 利用者の安全並びに介護サービスの質の確保及び職員の負担軽減に資する方策を検討するための委員会を設置し、必要な検討等が行われている。</t>
    <phoneticPr fontId="1"/>
  </si>
  <si>
    <t>１　看護サービスの
　提供状況</t>
    <rPh sb="2" eb="4">
      <t>カンゴ</t>
    </rPh>
    <rPh sb="11" eb="13">
      <t>テイキョウ</t>
    </rPh>
    <rPh sb="13" eb="15">
      <t>ジョウキョウ</t>
    </rPh>
    <phoneticPr fontId="1"/>
  </si>
  <si>
    <t>２　緊急時訪問看護
　加算の算定状況</t>
    <rPh sb="2" eb="5">
      <t>キンキュウジ</t>
    </rPh>
    <rPh sb="5" eb="7">
      <t>ホウモン</t>
    </rPh>
    <rPh sb="7" eb="9">
      <t>カンゴ</t>
    </rPh>
    <rPh sb="11" eb="13">
      <t>カサン</t>
    </rPh>
    <rPh sb="14" eb="16">
      <t>サンテイ</t>
    </rPh>
    <rPh sb="16" eb="18">
      <t>ジョウキョウ</t>
    </rPh>
    <phoneticPr fontId="1"/>
  </si>
  <si>
    <t>３　特別管理加算の
　算定状況</t>
    <phoneticPr fontId="1"/>
  </si>
  <si>
    <t>４　ターミナルケア
　加算の算定状況</t>
    <phoneticPr fontId="1"/>
  </si>
  <si>
    <t>２　緊急時訪問看護
　加算の算定状況</t>
    <phoneticPr fontId="1"/>
  </si>
  <si>
    <t>１　訪問看護体制減
　算の届出状況</t>
    <rPh sb="2" eb="4">
      <t>ホウモン</t>
    </rPh>
    <rPh sb="4" eb="6">
      <t>カンゴ</t>
    </rPh>
    <rPh sb="6" eb="8">
      <t>タイセイ</t>
    </rPh>
    <rPh sb="8" eb="9">
      <t>ゲン</t>
    </rPh>
    <rPh sb="11" eb="12">
      <t>サン</t>
    </rPh>
    <rPh sb="13" eb="15">
      <t>トドケデ</t>
    </rPh>
    <rPh sb="15" eb="17">
      <t>ジョウキョウ</t>
    </rPh>
    <phoneticPr fontId="1"/>
  </si>
  <si>
    <r>
      <rPr>
        <sz val="11"/>
        <rFont val="HGSｺﾞｼｯｸM"/>
        <family val="3"/>
        <charset val="128"/>
      </rPr>
      <t>３</t>
    </r>
    <r>
      <rPr>
        <sz val="10"/>
        <rFont val="HGSｺﾞｼｯｸM"/>
        <family val="3"/>
        <charset val="128"/>
      </rPr>
      <t>　</t>
    </r>
    <r>
      <rPr>
        <sz val="9"/>
        <rFont val="HGSｺﾞｼｯｸM"/>
        <family val="3"/>
        <charset val="128"/>
      </rPr>
      <t>地域密着型介護老人福祉施設入所者生活介護</t>
    </r>
    <r>
      <rPr>
        <sz val="10"/>
        <rFont val="HGSｺﾞｼｯｸM"/>
        <family val="3"/>
        <charset val="128"/>
      </rPr>
      <t>　</t>
    </r>
    <phoneticPr fontId="1"/>
  </si>
  <si>
    <t>・医療連携体制加算（Ⅰ）イ～（Ⅰ）ハ共通</t>
    <rPh sb="1" eb="3">
      <t>イリョウ</t>
    </rPh>
    <rPh sb="3" eb="5">
      <t>レンケイ</t>
    </rPh>
    <rPh sb="5" eb="7">
      <t>タイセイ</t>
    </rPh>
    <rPh sb="7" eb="9">
      <t>カサン</t>
    </rPh>
    <rPh sb="18" eb="20">
      <t>キョウツウ</t>
    </rPh>
    <phoneticPr fontId="1"/>
  </si>
  <si>
    <t>医療連携体制加算（Ⅰ）イ～（Ⅰ）ハのいずれかを算定している。</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0"/>
    <numFmt numFmtId="177" formatCode="0.0%"/>
    <numFmt numFmtId="178" formatCode="0.000"/>
    <numFmt numFmtId="179" formatCode="[&lt;=999]000;[&lt;=9999]000\-00;000\-0000"/>
  </numFmts>
  <fonts count="46" x14ac:knownFonts="1">
    <font>
      <sz val="11"/>
      <name val="ＭＳ Ｐゴシック"/>
      <family val="3"/>
      <charset val="128"/>
    </font>
    <font>
      <sz val="6"/>
      <name val="ＭＳ Ｐゴシック"/>
      <family val="3"/>
      <charset val="128"/>
    </font>
    <font>
      <sz val="11"/>
      <name val="HGSｺﾞｼｯｸM"/>
      <family val="3"/>
      <charset val="128"/>
    </font>
    <font>
      <sz val="12"/>
      <name val="HGSｺﾞｼｯｸM"/>
      <family val="3"/>
      <charset val="128"/>
    </font>
    <font>
      <sz val="10"/>
      <name val="HGSｺﾞｼｯｸM"/>
      <family val="3"/>
      <charset val="128"/>
    </font>
    <font>
      <sz val="10.5"/>
      <name val="ＭＳ 明朝"/>
      <family val="1"/>
      <charset val="128"/>
    </font>
    <font>
      <sz val="10.5"/>
      <name val="HGSｺﾞｼｯｸM"/>
      <family val="3"/>
      <charset val="128"/>
    </font>
    <font>
      <sz val="14"/>
      <name val="HGSｺﾞｼｯｸM"/>
      <family val="3"/>
      <charset val="128"/>
    </font>
    <font>
      <sz val="11"/>
      <name val="ＭＳ Ｐゴシック"/>
      <family val="3"/>
      <charset val="128"/>
    </font>
    <font>
      <strike/>
      <sz val="11"/>
      <name val="HGSｺﾞｼｯｸM"/>
      <family val="3"/>
      <charset val="128"/>
    </font>
    <font>
      <u/>
      <sz val="11"/>
      <name val="HGSｺﾞｼｯｸM"/>
      <family val="3"/>
      <charset val="128"/>
    </font>
    <font>
      <b/>
      <sz val="11"/>
      <name val="HGSｺﾞｼｯｸM"/>
      <family val="3"/>
      <charset val="128"/>
    </font>
    <font>
      <sz val="9"/>
      <name val="HGSｺﾞｼｯｸM"/>
      <family val="3"/>
      <charset val="128"/>
    </font>
    <font>
      <sz val="8"/>
      <name val="HGSｺﾞｼｯｸM"/>
      <family val="3"/>
      <charset val="128"/>
    </font>
    <font>
      <u/>
      <sz val="8"/>
      <color indexed="10"/>
      <name val="HGSｺﾞｼｯｸM"/>
      <family val="3"/>
      <charset val="128"/>
    </font>
    <font>
      <sz val="7"/>
      <name val="HGSｺﾞｼｯｸM"/>
      <family val="3"/>
      <charset val="128"/>
    </font>
    <font>
      <sz val="11"/>
      <color indexed="8"/>
      <name val="HGSｺﾞｼｯｸM"/>
      <family val="3"/>
      <charset val="128"/>
    </font>
    <font>
      <sz val="10"/>
      <color indexed="8"/>
      <name val="HGSｺﾞｼｯｸM"/>
      <family val="3"/>
      <charset val="128"/>
    </font>
    <font>
      <sz val="10"/>
      <name val="HGPｺﾞｼｯｸM"/>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theme="1"/>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11"/>
      <color rgb="FFFF0000"/>
      <name val="HGSｺﾞｼｯｸM"/>
      <family val="3"/>
      <charset val="128"/>
    </font>
    <font>
      <sz val="11"/>
      <color theme="1"/>
      <name val="HGSｺﾞｼｯｸM"/>
      <family val="3"/>
      <charset val="128"/>
    </font>
    <font>
      <sz val="11"/>
      <name val="ＭＳ Ｐゴシック"/>
      <family val="3"/>
      <charset val="128"/>
      <scheme val="minor"/>
    </font>
    <font>
      <strike/>
      <sz val="9"/>
      <color rgb="FFFF0000"/>
      <name val="HGSｺﾞｼｯｸM"/>
      <family val="3"/>
      <charset val="128"/>
    </font>
    <font>
      <b/>
      <u/>
      <sz val="11"/>
      <color theme="1"/>
      <name val="ＭＳ Ｐゴシック"/>
      <family val="3"/>
      <charset val="128"/>
      <scheme val="minor"/>
    </font>
    <font>
      <strike/>
      <sz val="10"/>
      <name val="HGSｺﾞｼｯｸM"/>
      <family val="3"/>
      <charset val="128"/>
    </font>
    <font>
      <b/>
      <sz val="8"/>
      <name val="HGSｺﾞｼｯｸM"/>
      <family val="3"/>
      <charset val="128"/>
    </font>
    <font>
      <sz val="11"/>
      <name val="HGPｺﾞｼｯｸM"/>
      <family val="3"/>
      <charset val="128"/>
    </font>
    <font>
      <sz val="11"/>
      <color indexed="10"/>
      <name val="HGSｺﾞｼｯｸM"/>
      <family val="3"/>
      <charset val="128"/>
    </font>
  </fonts>
  <fills count="36">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indexed="9"/>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74974822229687"/>
        <bgColor indexed="64"/>
      </patternFill>
    </fill>
    <fill>
      <patternFill patternType="solid">
        <fgColor theme="5" tint="0.59974974822229687"/>
        <bgColor indexed="64"/>
      </patternFill>
    </fill>
    <fill>
      <patternFill patternType="solid">
        <fgColor theme="6" tint="0.59974974822229687"/>
        <bgColor indexed="64"/>
      </patternFill>
    </fill>
    <fill>
      <patternFill patternType="solid">
        <fgColor theme="7" tint="0.59974974822229687"/>
        <bgColor indexed="64"/>
      </patternFill>
    </fill>
    <fill>
      <patternFill patternType="solid">
        <fgColor theme="8" tint="0.59974974822229687"/>
        <bgColor indexed="64"/>
      </patternFill>
    </fill>
    <fill>
      <patternFill patternType="solid">
        <fgColor theme="9" tint="0.599749748222296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rgb="FFFFFFCC"/>
        <bgColor indexed="64"/>
      </patternFill>
    </fill>
    <fill>
      <patternFill patternType="solid">
        <fgColor rgb="FFCCFFFF"/>
        <bgColor indexed="64"/>
      </patternFill>
    </fill>
  </fills>
  <borders count="49">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
      <left/>
      <right/>
      <top/>
      <bottom style="hair">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bottom style="dashed">
        <color indexed="64"/>
      </bottom>
      <diagonal/>
    </border>
    <border>
      <left/>
      <right style="dashed">
        <color indexed="64"/>
      </right>
      <top style="thin">
        <color indexed="64"/>
      </top>
      <bottom style="thin">
        <color indexed="64"/>
      </bottom>
      <diagonal/>
    </border>
    <border>
      <left/>
      <right/>
      <top style="dashed">
        <color indexed="64"/>
      </top>
      <bottom/>
      <diagonal/>
    </border>
    <border>
      <left/>
      <right style="thin">
        <color indexed="64"/>
      </right>
      <top style="dashed">
        <color indexed="64"/>
      </top>
      <bottom/>
      <diagonal/>
    </border>
    <border>
      <left style="thin">
        <color indexed="64"/>
      </left>
      <right/>
      <top style="dashed">
        <color indexed="64"/>
      </top>
      <bottom/>
      <diagonal/>
    </border>
    <border>
      <left/>
      <right style="dashed">
        <color indexed="64"/>
      </right>
      <top style="thin">
        <color indexed="64"/>
      </top>
      <bottom/>
      <diagonal/>
    </border>
    <border>
      <left/>
      <right style="dashed">
        <color indexed="64"/>
      </right>
      <top style="double">
        <color indexed="64"/>
      </top>
      <bottom style="thin">
        <color indexed="64"/>
      </bottom>
      <diagonal/>
    </border>
    <border>
      <left style="dashed">
        <color indexed="64"/>
      </left>
      <right/>
      <top/>
      <bottom/>
      <diagonal/>
    </border>
    <border>
      <left/>
      <right/>
      <top style="hair">
        <color indexed="64"/>
      </top>
      <bottom style="hair">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67955565050204"/>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52">
    <xf numFmtId="0" fontId="0" fillId="0" borderId="0"/>
    <xf numFmtId="0" fontId="19" fillId="5" borderId="0" applyNumberFormat="0" applyBorder="0" applyAlignment="0" applyProtection="0">
      <alignment vertical="center"/>
    </xf>
    <xf numFmtId="0" fontId="19" fillId="6" borderId="0" applyNumberFormat="0" applyBorder="0" applyAlignment="0" applyProtection="0">
      <alignment vertical="center"/>
    </xf>
    <xf numFmtId="0" fontId="19" fillId="7" borderId="0" applyNumberFormat="0" applyBorder="0" applyAlignment="0" applyProtection="0">
      <alignment vertical="center"/>
    </xf>
    <xf numFmtId="0" fontId="19" fillId="8" borderId="0" applyNumberFormat="0" applyBorder="0" applyAlignment="0" applyProtection="0">
      <alignment vertical="center"/>
    </xf>
    <xf numFmtId="0" fontId="19" fillId="9" borderId="0" applyNumberFormat="0" applyBorder="0" applyAlignment="0" applyProtection="0">
      <alignment vertical="center"/>
    </xf>
    <xf numFmtId="0" fontId="19" fillId="10" borderId="0" applyNumberFormat="0" applyBorder="0" applyAlignment="0" applyProtection="0">
      <alignment vertical="center"/>
    </xf>
    <xf numFmtId="0" fontId="19" fillId="11" borderId="0" applyNumberFormat="0" applyBorder="0" applyAlignment="0" applyProtection="0">
      <alignment vertical="center"/>
    </xf>
    <xf numFmtId="0" fontId="19" fillId="12" borderId="0" applyNumberFormat="0" applyBorder="0" applyAlignment="0" applyProtection="0">
      <alignment vertical="center"/>
    </xf>
    <xf numFmtId="0" fontId="19" fillId="13" borderId="0" applyNumberFormat="0" applyBorder="0" applyAlignment="0" applyProtection="0">
      <alignment vertical="center"/>
    </xf>
    <xf numFmtId="0" fontId="19" fillId="14" borderId="0" applyNumberFormat="0" applyBorder="0" applyAlignment="0" applyProtection="0">
      <alignment vertical="center"/>
    </xf>
    <xf numFmtId="0" fontId="19" fillId="15" borderId="0" applyNumberFormat="0" applyBorder="0" applyAlignment="0" applyProtection="0">
      <alignment vertical="center"/>
    </xf>
    <xf numFmtId="0" fontId="19" fillId="16" borderId="0" applyNumberFormat="0" applyBorder="0" applyAlignment="0" applyProtection="0">
      <alignment vertical="center"/>
    </xf>
    <xf numFmtId="0" fontId="20" fillId="17" borderId="0" applyNumberFormat="0" applyBorder="0" applyAlignment="0" applyProtection="0">
      <alignment vertical="center"/>
    </xf>
    <xf numFmtId="0" fontId="20" fillId="18" borderId="0" applyNumberFormat="0" applyBorder="0" applyAlignment="0" applyProtection="0">
      <alignment vertical="center"/>
    </xf>
    <xf numFmtId="0" fontId="20" fillId="19" borderId="0" applyNumberFormat="0" applyBorder="0" applyAlignment="0" applyProtection="0">
      <alignment vertical="center"/>
    </xf>
    <xf numFmtId="0" fontId="20" fillId="20" borderId="0" applyNumberFormat="0" applyBorder="0" applyAlignment="0" applyProtection="0">
      <alignment vertical="center"/>
    </xf>
    <xf numFmtId="0" fontId="20" fillId="21" borderId="0" applyNumberFormat="0" applyBorder="0" applyAlignment="0" applyProtection="0">
      <alignment vertical="center"/>
    </xf>
    <xf numFmtId="0" fontId="20" fillId="22" borderId="0" applyNumberFormat="0" applyBorder="0" applyAlignment="0" applyProtection="0">
      <alignment vertical="center"/>
    </xf>
    <xf numFmtId="0" fontId="20" fillId="23" borderId="0" applyNumberFormat="0" applyBorder="0" applyAlignment="0" applyProtection="0">
      <alignment vertical="center"/>
    </xf>
    <xf numFmtId="0" fontId="20" fillId="24" borderId="0" applyNumberFormat="0" applyBorder="0" applyAlignment="0" applyProtection="0">
      <alignment vertical="center"/>
    </xf>
    <xf numFmtId="0" fontId="20" fillId="25" borderId="0" applyNumberFormat="0" applyBorder="0" applyAlignment="0" applyProtection="0">
      <alignment vertical="center"/>
    </xf>
    <xf numFmtId="0" fontId="20" fillId="26" borderId="0" applyNumberFormat="0" applyBorder="0" applyAlignment="0" applyProtection="0">
      <alignment vertical="center"/>
    </xf>
    <xf numFmtId="0" fontId="20" fillId="27" borderId="0" applyNumberFormat="0" applyBorder="0" applyAlignment="0" applyProtection="0">
      <alignment vertical="center"/>
    </xf>
    <xf numFmtId="0" fontId="20" fillId="28" borderId="0" applyNumberFormat="0" applyBorder="0" applyAlignment="0" applyProtection="0">
      <alignment vertical="center"/>
    </xf>
    <xf numFmtId="0" fontId="21" fillId="0" borderId="0" applyNumberFormat="0" applyFill="0" applyBorder="0" applyAlignment="0" applyProtection="0">
      <alignment vertical="center"/>
    </xf>
    <xf numFmtId="0" fontId="22" fillId="29" borderId="40" applyNumberFormat="0" applyAlignment="0" applyProtection="0">
      <alignment vertical="center"/>
    </xf>
    <xf numFmtId="0" fontId="23" fillId="30" borderId="0" applyNumberFormat="0" applyBorder="0" applyAlignment="0" applyProtection="0">
      <alignment vertical="center"/>
    </xf>
    <xf numFmtId="9" fontId="24" fillId="0" borderId="0" applyFont="0" applyFill="0" applyBorder="0" applyAlignment="0" applyProtection="0">
      <alignment vertical="center"/>
    </xf>
    <xf numFmtId="9" fontId="24" fillId="0" borderId="0" applyFont="0" applyFill="0" applyBorder="0" applyAlignment="0" applyProtection="0">
      <alignment vertical="center"/>
    </xf>
    <xf numFmtId="9" fontId="24" fillId="0" borderId="0" applyFont="0" applyFill="0" applyBorder="0" applyAlignment="0" applyProtection="0">
      <alignment vertical="center"/>
    </xf>
    <xf numFmtId="0" fontId="8" fillId="3" borderId="41" applyNumberFormat="0" applyFont="0" applyAlignment="0" applyProtection="0">
      <alignment vertical="center"/>
    </xf>
    <xf numFmtId="0" fontId="25" fillId="0" borderId="42" applyNumberFormat="0" applyFill="0" applyAlignment="0" applyProtection="0">
      <alignment vertical="center"/>
    </xf>
    <xf numFmtId="0" fontId="26" fillId="31" borderId="0" applyNumberFormat="0" applyBorder="0" applyAlignment="0" applyProtection="0">
      <alignment vertical="center"/>
    </xf>
    <xf numFmtId="0" fontId="27" fillId="32" borderId="43" applyNumberFormat="0" applyAlignment="0" applyProtection="0">
      <alignment vertical="center"/>
    </xf>
    <xf numFmtId="0" fontId="28" fillId="0" borderId="0" applyNumberFormat="0" applyFill="0" applyBorder="0" applyAlignment="0" applyProtection="0">
      <alignment vertical="center"/>
    </xf>
    <xf numFmtId="38" fontId="8" fillId="0" borderId="0" applyFont="0" applyFill="0" applyBorder="0" applyAlignment="0" applyProtection="0">
      <alignment vertical="center"/>
    </xf>
    <xf numFmtId="38" fontId="24" fillId="0" borderId="0" applyFont="0" applyFill="0" applyBorder="0" applyAlignment="0" applyProtection="0">
      <alignment vertical="center"/>
    </xf>
    <xf numFmtId="0" fontId="29" fillId="0" borderId="44" applyNumberFormat="0" applyFill="0" applyAlignment="0" applyProtection="0">
      <alignment vertical="center"/>
    </xf>
    <xf numFmtId="0" fontId="30" fillId="0" borderId="45" applyNumberFormat="0" applyFill="0" applyAlignment="0" applyProtection="0">
      <alignment vertical="center"/>
    </xf>
    <xf numFmtId="0" fontId="31" fillId="0" borderId="46" applyNumberFormat="0" applyFill="0" applyAlignment="0" applyProtection="0">
      <alignment vertical="center"/>
    </xf>
    <xf numFmtId="0" fontId="31" fillId="0" borderId="0" applyNumberFormat="0" applyFill="0" applyBorder="0" applyAlignment="0" applyProtection="0">
      <alignment vertical="center"/>
    </xf>
    <xf numFmtId="0" fontId="32" fillId="0" borderId="47" applyNumberFormat="0" applyFill="0" applyAlignment="0" applyProtection="0">
      <alignment vertical="center"/>
    </xf>
    <xf numFmtId="0" fontId="33" fillId="32" borderId="48" applyNumberFormat="0" applyAlignment="0" applyProtection="0">
      <alignment vertical="center"/>
    </xf>
    <xf numFmtId="0" fontId="34" fillId="0" borderId="0" applyNumberFormat="0" applyFill="0" applyBorder="0" applyAlignment="0" applyProtection="0">
      <alignment vertical="center"/>
    </xf>
    <xf numFmtId="0" fontId="35" fillId="2" borderId="43" applyNumberFormat="0" applyAlignment="0" applyProtection="0">
      <alignment vertical="center"/>
    </xf>
    <xf numFmtId="0" fontId="8" fillId="0" borderId="0"/>
    <xf numFmtId="0" fontId="8" fillId="0" borderId="0">
      <alignment vertical="center"/>
    </xf>
    <xf numFmtId="0" fontId="24" fillId="0" borderId="0">
      <alignment vertical="center"/>
    </xf>
    <xf numFmtId="0" fontId="24" fillId="0" borderId="0">
      <alignment vertical="center"/>
    </xf>
    <xf numFmtId="0" fontId="24" fillId="0" borderId="0">
      <alignment vertical="center"/>
    </xf>
    <xf numFmtId="0" fontId="36" fillId="33" borderId="0" applyNumberFormat="0" applyBorder="0" applyAlignment="0" applyProtection="0">
      <alignment vertical="center"/>
    </xf>
  </cellStyleXfs>
  <cellXfs count="743">
    <xf numFmtId="0" fontId="0" fillId="0" borderId="0" xfId="0"/>
    <xf numFmtId="0" fontId="2" fillId="0" borderId="0" xfId="0" applyFont="1" applyAlignment="1">
      <alignment horizontal="left" vertical="center"/>
    </xf>
    <xf numFmtId="0" fontId="2" fillId="0" borderId="0" xfId="0" applyFont="1" applyAlignment="1">
      <alignment vertical="center"/>
    </xf>
    <xf numFmtId="0" fontId="2" fillId="0" borderId="0" xfId="0" applyFont="1"/>
    <xf numFmtId="0" fontId="2" fillId="0" borderId="1" xfId="0" applyFont="1" applyBorder="1" applyAlignment="1">
      <alignment horizontal="left" vertical="center"/>
    </xf>
    <xf numFmtId="0" fontId="2" fillId="0" borderId="2" xfId="0" applyFont="1" applyBorder="1" applyAlignment="1">
      <alignment horizontal="left" vertical="center"/>
    </xf>
    <xf numFmtId="0" fontId="2" fillId="0" borderId="3" xfId="0" applyFont="1" applyBorder="1" applyAlignment="1">
      <alignment horizontal="left" vertical="center"/>
    </xf>
    <xf numFmtId="0" fontId="2" fillId="0" borderId="4" xfId="0" applyFont="1" applyBorder="1" applyAlignment="1">
      <alignment horizontal="left" vertical="center"/>
    </xf>
    <xf numFmtId="0" fontId="2" fillId="0" borderId="5" xfId="0" applyFont="1" applyBorder="1" applyAlignment="1">
      <alignment horizontal="left" vertical="center"/>
    </xf>
    <xf numFmtId="0" fontId="2" fillId="0" borderId="6" xfId="0" applyFont="1" applyBorder="1" applyAlignment="1">
      <alignment horizontal="left" vertical="center"/>
    </xf>
    <xf numFmtId="0" fontId="2" fillId="0" borderId="7" xfId="0" applyFont="1" applyBorder="1" applyAlignment="1">
      <alignment horizontal="left" vertical="center"/>
    </xf>
    <xf numFmtId="0" fontId="2" fillId="0" borderId="8" xfId="0" applyFont="1" applyBorder="1" applyAlignment="1">
      <alignment horizontal="left" vertical="center"/>
    </xf>
    <xf numFmtId="0" fontId="2" fillId="0" borderId="0" xfId="0" applyFont="1" applyAlignment="1">
      <alignment horizontal="center" vertical="center"/>
    </xf>
    <xf numFmtId="0" fontId="2" fillId="0" borderId="9" xfId="0" applyFont="1" applyBorder="1" applyAlignment="1">
      <alignment horizontal="left" vertical="center"/>
    </xf>
    <xf numFmtId="0" fontId="2" fillId="0" borderId="0" xfId="0" applyFont="1" applyAlignment="1">
      <alignment horizontal="left"/>
    </xf>
    <xf numFmtId="0" fontId="2" fillId="0" borderId="6" xfId="0" applyFont="1" applyBorder="1"/>
    <xf numFmtId="0" fontId="2" fillId="0" borderId="7" xfId="0" applyFont="1" applyBorder="1"/>
    <xf numFmtId="0" fontId="2" fillId="0" borderId="8" xfId="0" applyFont="1" applyBorder="1"/>
    <xf numFmtId="0" fontId="2" fillId="0" borderId="6" xfId="0" applyFont="1" applyBorder="1" applyAlignment="1">
      <alignment horizontal="justify" wrapText="1"/>
    </xf>
    <xf numFmtId="0" fontId="2" fillId="0" borderId="7" xfId="0" applyFont="1" applyBorder="1" applyAlignment="1">
      <alignment horizontal="justify" wrapText="1"/>
    </xf>
    <xf numFmtId="0" fontId="2" fillId="0" borderId="0" xfId="0" applyFont="1" applyAlignment="1">
      <alignment horizontal="justify" vertical="center" wrapText="1"/>
    </xf>
    <xf numFmtId="0" fontId="2" fillId="0" borderId="0" xfId="0" applyFont="1" applyAlignment="1">
      <alignment horizontal="left" vertical="center" wrapText="1"/>
    </xf>
    <xf numFmtId="0" fontId="2" fillId="0" borderId="4" xfId="0" applyFont="1" applyBorder="1" applyAlignment="1">
      <alignment vertical="center"/>
    </xf>
    <xf numFmtId="0" fontId="2" fillId="0" borderId="1" xfId="0" applyFont="1" applyBorder="1" applyAlignment="1">
      <alignment vertical="center"/>
    </xf>
    <xf numFmtId="0" fontId="2" fillId="0" borderId="6" xfId="0" applyFont="1" applyBorder="1" applyAlignment="1">
      <alignment horizontal="justify" vertical="center"/>
    </xf>
    <xf numFmtId="0" fontId="2" fillId="0" borderId="7" xfId="0" applyFont="1" applyBorder="1" applyAlignment="1">
      <alignment horizontal="justify" vertical="center"/>
    </xf>
    <xf numFmtId="0" fontId="2" fillId="0" borderId="8" xfId="0" applyFont="1" applyBorder="1" applyAlignment="1">
      <alignment horizontal="justify" vertical="center"/>
    </xf>
    <xf numFmtId="0" fontId="2" fillId="0" borderId="0" xfId="0" applyFont="1" applyAlignment="1">
      <alignment horizontal="left" wrapText="1"/>
    </xf>
    <xf numFmtId="0" fontId="2" fillId="0" borderId="3" xfId="0" applyFont="1" applyBorder="1" applyAlignment="1">
      <alignment horizontal="justify" vertical="center"/>
    </xf>
    <xf numFmtId="0" fontId="2" fillId="0" borderId="6" xfId="0" applyFont="1" applyBorder="1" applyAlignment="1">
      <alignment horizontal="justify"/>
    </xf>
    <xf numFmtId="0" fontId="2" fillId="0" borderId="7" xfId="0" applyFont="1" applyBorder="1" applyAlignment="1">
      <alignment horizontal="justify"/>
    </xf>
    <xf numFmtId="0" fontId="2" fillId="0" borderId="8" xfId="0" applyFont="1" applyBorder="1" applyAlignment="1">
      <alignment horizontal="justify"/>
    </xf>
    <xf numFmtId="0" fontId="2" fillId="0" borderId="4" xfId="0" applyFont="1" applyBorder="1" applyAlignment="1">
      <alignment horizontal="justify" vertical="center"/>
    </xf>
    <xf numFmtId="0" fontId="2" fillId="0" borderId="1" xfId="0" applyFont="1" applyBorder="1" applyAlignment="1">
      <alignment horizontal="justify" vertical="center"/>
    </xf>
    <xf numFmtId="0" fontId="2" fillId="0" borderId="4" xfId="0" applyFont="1" applyBorder="1" applyAlignment="1">
      <alignment horizontal="justify" wrapText="1"/>
    </xf>
    <xf numFmtId="0" fontId="2" fillId="0" borderId="1" xfId="0" applyFont="1" applyBorder="1" applyAlignment="1">
      <alignment horizontal="justify" wrapText="1"/>
    </xf>
    <xf numFmtId="0" fontId="2" fillId="0" borderId="8" xfId="0" applyFont="1" applyBorder="1" applyAlignment="1">
      <alignment horizontal="justify" wrapText="1"/>
    </xf>
    <xf numFmtId="0" fontId="2" fillId="0" borderId="10" xfId="0" applyFont="1" applyBorder="1" applyAlignment="1">
      <alignment horizontal="justify" wrapText="1"/>
    </xf>
    <xf numFmtId="0" fontId="2" fillId="0" borderId="9" xfId="0" applyFont="1" applyBorder="1" applyAlignment="1">
      <alignment horizontal="justify" wrapText="1"/>
    </xf>
    <xf numFmtId="0" fontId="2" fillId="0" borderId="9" xfId="0" applyFont="1" applyBorder="1"/>
    <xf numFmtId="0" fontId="2" fillId="0" borderId="11" xfId="0" applyFont="1" applyBorder="1" applyAlignment="1">
      <alignment horizontal="left"/>
    </xf>
    <xf numFmtId="0" fontId="2" fillId="0" borderId="3" xfId="0" applyFont="1" applyBorder="1" applyAlignment="1">
      <alignment vertical="center"/>
    </xf>
    <xf numFmtId="0" fontId="2" fillId="0" borderId="12" xfId="0" applyFont="1" applyBorder="1" applyAlignment="1">
      <alignment vertical="center"/>
    </xf>
    <xf numFmtId="0" fontId="2" fillId="0" borderId="13" xfId="0" applyFont="1" applyBorder="1" applyAlignment="1">
      <alignment vertical="center"/>
    </xf>
    <xf numFmtId="0" fontId="2" fillId="0" borderId="14" xfId="0" applyFont="1" applyBorder="1" applyAlignment="1">
      <alignment vertical="center"/>
    </xf>
    <xf numFmtId="0" fontId="2" fillId="0" borderId="0" xfId="0" applyFont="1" applyAlignment="1">
      <alignment horizontal="right" vertical="center"/>
    </xf>
    <xf numFmtId="0" fontId="5" fillId="0" borderId="0" xfId="0" applyFont="1" applyAlignment="1">
      <alignment horizontal="justify"/>
    </xf>
    <xf numFmtId="0" fontId="2" fillId="0" borderId="7" xfId="0" applyFont="1" applyBorder="1" applyAlignment="1">
      <alignment horizontal="left"/>
    </xf>
    <xf numFmtId="0" fontId="2" fillId="0" borderId="7" xfId="0" applyFont="1" applyBorder="1" applyAlignment="1">
      <alignment horizontal="left" wrapText="1"/>
    </xf>
    <xf numFmtId="0" fontId="2" fillId="0" borderId="4" xfId="0" applyFont="1" applyBorder="1" applyAlignment="1">
      <alignment horizontal="left"/>
    </xf>
    <xf numFmtId="0" fontId="2" fillId="0" borderId="1" xfId="0" applyFont="1" applyBorder="1" applyAlignment="1">
      <alignment horizontal="left"/>
    </xf>
    <xf numFmtId="0" fontId="2" fillId="0" borderId="5" xfId="0" applyFont="1" applyBorder="1" applyAlignment="1">
      <alignment horizontal="left"/>
    </xf>
    <xf numFmtId="0" fontId="2" fillId="0" borderId="15" xfId="0" applyFont="1" applyBorder="1" applyAlignment="1">
      <alignment horizontal="left"/>
    </xf>
    <xf numFmtId="0" fontId="2" fillId="0" borderId="3" xfId="0" applyFont="1" applyBorder="1" applyAlignment="1">
      <alignment horizontal="left"/>
    </xf>
    <xf numFmtId="0" fontId="2" fillId="0" borderId="16" xfId="0" applyFont="1" applyBorder="1" applyAlignment="1">
      <alignment horizontal="left"/>
    </xf>
    <xf numFmtId="0" fontId="2" fillId="0" borderId="17" xfId="0" applyFont="1" applyBorder="1" applyAlignment="1">
      <alignment horizontal="left"/>
    </xf>
    <xf numFmtId="0" fontId="2" fillId="0" borderId="3" xfId="0" applyFont="1" applyBorder="1"/>
    <xf numFmtId="0" fontId="2" fillId="0" borderId="4" xfId="0" applyFont="1" applyBorder="1"/>
    <xf numFmtId="0" fontId="2" fillId="0" borderId="1" xfId="0" applyFont="1" applyBorder="1"/>
    <xf numFmtId="0" fontId="2" fillId="0" borderId="5" xfId="0" applyFont="1" applyBorder="1"/>
    <xf numFmtId="0" fontId="2" fillId="0" borderId="15" xfId="0" applyFont="1" applyBorder="1"/>
    <xf numFmtId="0" fontId="2" fillId="0" borderId="18" xfId="0" applyFont="1" applyBorder="1" applyAlignment="1">
      <alignment horizontal="center" vertical="center" textRotation="255"/>
    </xf>
    <xf numFmtId="0" fontId="2" fillId="0" borderId="19" xfId="0" applyFont="1" applyBorder="1" applyAlignment="1">
      <alignment horizontal="justify" wrapText="1"/>
    </xf>
    <xf numFmtId="0" fontId="2" fillId="0" borderId="19" xfId="0" applyFont="1" applyBorder="1" applyAlignment="1">
      <alignment horizontal="left" vertical="center"/>
    </xf>
    <xf numFmtId="0" fontId="2" fillId="0" borderId="20" xfId="0" applyFont="1" applyBorder="1" applyAlignment="1">
      <alignment horizontal="left" vertical="center"/>
    </xf>
    <xf numFmtId="0" fontId="2" fillId="0" borderId="6" xfId="0" applyFont="1" applyBorder="1" applyAlignment="1">
      <alignment horizontal="center" vertical="center" textRotation="255"/>
    </xf>
    <xf numFmtId="0" fontId="2" fillId="0" borderId="4" xfId="0" applyFont="1" applyBorder="1" applyAlignment="1">
      <alignment horizontal="justify"/>
    </xf>
    <xf numFmtId="0" fontId="2" fillId="0" borderId="5" xfId="0" applyFont="1" applyBorder="1" applyAlignment="1">
      <alignment horizontal="justify"/>
    </xf>
    <xf numFmtId="0" fontId="2" fillId="0" borderId="6" xfId="0" applyFont="1" applyBorder="1" applyAlignment="1">
      <alignment horizontal="center" vertical="center" textRotation="255" wrapText="1"/>
    </xf>
    <xf numFmtId="0" fontId="2" fillId="0" borderId="3" xfId="0" applyFont="1" applyBorder="1" applyAlignment="1">
      <alignment horizontal="center" vertical="center" textRotation="255" wrapText="1"/>
    </xf>
    <xf numFmtId="0" fontId="2" fillId="0" borderId="20" xfId="0" applyFont="1" applyBorder="1" applyAlignment="1">
      <alignment horizontal="justify" wrapText="1"/>
    </xf>
    <xf numFmtId="0" fontId="2" fillId="0" borderId="21" xfId="0" applyFont="1" applyBorder="1" applyAlignment="1">
      <alignment horizontal="center" vertical="center" textRotation="255" wrapText="1"/>
    </xf>
    <xf numFmtId="0" fontId="2" fillId="0" borderId="22" xfId="0" applyFont="1" applyBorder="1" applyAlignment="1">
      <alignment horizontal="justify" wrapText="1"/>
    </xf>
    <xf numFmtId="0" fontId="2" fillId="0" borderId="23" xfId="0" applyFont="1" applyBorder="1" applyAlignment="1">
      <alignment horizontal="justify" wrapText="1"/>
    </xf>
    <xf numFmtId="0" fontId="2" fillId="0" borderId="24" xfId="0" applyFont="1" applyBorder="1" applyAlignment="1">
      <alignment horizontal="justify" wrapText="1"/>
    </xf>
    <xf numFmtId="0" fontId="2" fillId="0" borderId="21" xfId="0" applyFont="1" applyBorder="1" applyAlignment="1">
      <alignment horizontal="left" vertical="center"/>
    </xf>
    <xf numFmtId="0" fontId="2" fillId="0" borderId="23" xfId="0" applyFont="1" applyBorder="1" applyAlignment="1">
      <alignment horizontal="justify"/>
    </xf>
    <xf numFmtId="0" fontId="2" fillId="0" borderId="23" xfId="0" applyFont="1" applyBorder="1"/>
    <xf numFmtId="0" fontId="2" fillId="0" borderId="24" xfId="0" applyFont="1" applyBorder="1"/>
    <xf numFmtId="0" fontId="2" fillId="0" borderId="3" xfId="0" applyFont="1" applyBorder="1" applyAlignment="1">
      <alignment horizontal="justify" wrapText="1"/>
    </xf>
    <xf numFmtId="0" fontId="2" fillId="0" borderId="25" xfId="0" applyFont="1" applyBorder="1" applyAlignment="1">
      <alignment horizontal="left" vertical="center"/>
    </xf>
    <xf numFmtId="0" fontId="2" fillId="0" borderId="21" xfId="0" applyFont="1" applyBorder="1" applyAlignment="1">
      <alignment horizontal="justify" wrapText="1"/>
    </xf>
    <xf numFmtId="0" fontId="2" fillId="0" borderId="24" xfId="0" applyFont="1" applyBorder="1" applyAlignment="1">
      <alignment horizontal="left" vertical="center"/>
    </xf>
    <xf numFmtId="0" fontId="2" fillId="0" borderId="26" xfId="0" applyFont="1" applyBorder="1" applyAlignment="1">
      <alignment horizontal="left" vertical="center"/>
    </xf>
    <xf numFmtId="0" fontId="2" fillId="0" borderId="21" xfId="0" applyFont="1" applyBorder="1"/>
    <xf numFmtId="0" fontId="9" fillId="0" borderId="0" xfId="0" applyFont="1" applyAlignment="1">
      <alignment horizontal="left" vertical="center"/>
    </xf>
    <xf numFmtId="0" fontId="2" fillId="0" borderId="16" xfId="0" applyFont="1" applyBorder="1" applyAlignment="1">
      <alignment vertical="center" wrapText="1"/>
    </xf>
    <xf numFmtId="0" fontId="2" fillId="0" borderId="27" xfId="0" applyFont="1" applyBorder="1"/>
    <xf numFmtId="0" fontId="2" fillId="0" borderId="27" xfId="0" applyFont="1" applyBorder="1" applyAlignment="1">
      <alignment vertical="center"/>
    </xf>
    <xf numFmtId="0" fontId="2" fillId="0" borderId="16" xfId="0" applyFont="1" applyBorder="1" applyAlignment="1">
      <alignment vertical="top"/>
    </xf>
    <xf numFmtId="0" fontId="2" fillId="0" borderId="15" xfId="0" applyFont="1" applyBorder="1" applyAlignment="1">
      <alignment vertical="top"/>
    </xf>
    <xf numFmtId="0" fontId="2" fillId="0" borderId="17" xfId="0" applyFont="1" applyBorder="1" applyAlignment="1">
      <alignment vertical="center"/>
    </xf>
    <xf numFmtId="0" fontId="2" fillId="0" borderId="4" xfId="0" applyFont="1" applyBorder="1" applyAlignment="1">
      <alignment vertical="center" shrinkToFit="1"/>
    </xf>
    <xf numFmtId="0" fontId="2" fillId="0" borderId="1" xfId="0" applyFont="1" applyBorder="1" applyAlignment="1">
      <alignment vertical="center" shrinkToFit="1"/>
    </xf>
    <xf numFmtId="0" fontId="11" fillId="0" borderId="0" xfId="0" applyFont="1" applyAlignment="1">
      <alignment horizontal="center" vertical="center"/>
    </xf>
    <xf numFmtId="0" fontId="4" fillId="0" borderId="17" xfId="0" applyFont="1" applyBorder="1" applyAlignment="1">
      <alignment vertical="center"/>
    </xf>
    <xf numFmtId="0" fontId="2" fillId="0" borderId="17" xfId="0" applyFont="1" applyBorder="1" applyAlignment="1">
      <alignment horizontal="center"/>
    </xf>
    <xf numFmtId="0" fontId="2" fillId="0" borderId="17" xfId="0" applyFont="1" applyBorder="1"/>
    <xf numFmtId="0" fontId="12" fillId="0" borderId="0" xfId="0" applyFont="1" applyAlignment="1">
      <alignment vertical="center"/>
    </xf>
    <xf numFmtId="0" fontId="11" fillId="0" borderId="17" xfId="0" applyFont="1" applyBorder="1" applyAlignment="1">
      <alignment horizontal="center"/>
    </xf>
    <xf numFmtId="0" fontId="11" fillId="0" borderId="0" xfId="0" applyFont="1" applyAlignment="1">
      <alignment horizontal="center"/>
    </xf>
    <xf numFmtId="0" fontId="11" fillId="0" borderId="27" xfId="0" applyFont="1" applyBorder="1" applyAlignment="1">
      <alignment horizontal="center"/>
    </xf>
    <xf numFmtId="0" fontId="4" fillId="0" borderId="0" xfId="0" applyFont="1" applyAlignment="1">
      <alignment horizontal="left" vertical="center" wrapText="1" indent="1"/>
    </xf>
    <xf numFmtId="0" fontId="4" fillId="0" borderId="5" xfId="0" applyFont="1" applyBorder="1" applyAlignment="1">
      <alignment horizontal="left" vertical="center" wrapText="1" indent="1"/>
    </xf>
    <xf numFmtId="0" fontId="11" fillId="0" borderId="16" xfId="0" applyFont="1" applyBorder="1" applyAlignment="1">
      <alignment horizontal="center" vertical="center"/>
    </xf>
    <xf numFmtId="0" fontId="11" fillId="0" borderId="5" xfId="0" applyFont="1" applyBorder="1" applyAlignment="1">
      <alignment horizontal="center" vertical="center"/>
    </xf>
    <xf numFmtId="0" fontId="11" fillId="0" borderId="15" xfId="0" applyFont="1" applyBorder="1" applyAlignment="1">
      <alignment horizontal="center" vertical="center"/>
    </xf>
    <xf numFmtId="0" fontId="2" fillId="0" borderId="6" xfId="46" applyFont="1" applyBorder="1" applyAlignment="1">
      <alignment horizontal="center" vertical="center"/>
    </xf>
    <xf numFmtId="0" fontId="2" fillId="0" borderId="7" xfId="46" applyFont="1" applyBorder="1" applyAlignment="1">
      <alignment horizontal="center" vertical="center"/>
    </xf>
    <xf numFmtId="0" fontId="2" fillId="0" borderId="0" xfId="46" applyFont="1" applyAlignment="1">
      <alignment horizontal="center" vertical="center"/>
    </xf>
    <xf numFmtId="0" fontId="2" fillId="0" borderId="16" xfId="46" applyFont="1" applyBorder="1" applyAlignment="1">
      <alignment horizontal="center" vertical="center"/>
    </xf>
    <xf numFmtId="0" fontId="2" fillId="0" borderId="5" xfId="46" applyFont="1" applyBorder="1" applyAlignment="1">
      <alignment horizontal="center" vertical="center"/>
    </xf>
    <xf numFmtId="0" fontId="11" fillId="0" borderId="3" xfId="0" applyFont="1" applyBorder="1" applyAlignment="1">
      <alignment horizontal="center" vertical="center"/>
    </xf>
    <xf numFmtId="0" fontId="11" fillId="0" borderId="4" xfId="0" applyFont="1" applyBorder="1" applyAlignment="1">
      <alignment horizontal="center" vertical="center"/>
    </xf>
    <xf numFmtId="0" fontId="11" fillId="0" borderId="1" xfId="0" applyFont="1" applyBorder="1" applyAlignment="1">
      <alignment horizontal="center" vertical="center"/>
    </xf>
    <xf numFmtId="0" fontId="2" fillId="0" borderId="15" xfId="46" applyFont="1" applyBorder="1" applyAlignment="1">
      <alignment horizontal="center" vertical="center"/>
    </xf>
    <xf numFmtId="0" fontId="2" fillId="0" borderId="4" xfId="46" applyFont="1" applyBorder="1" applyAlignment="1">
      <alignment horizontal="center" vertical="center"/>
    </xf>
    <xf numFmtId="0" fontId="2" fillId="0" borderId="17" xfId="46" applyFont="1" applyBorder="1" applyAlignment="1">
      <alignment horizontal="center" vertical="center"/>
    </xf>
    <xf numFmtId="0" fontId="2" fillId="0" borderId="27" xfId="46" applyFont="1" applyBorder="1" applyAlignment="1">
      <alignment horizontal="center" vertical="center"/>
    </xf>
    <xf numFmtId="0" fontId="2" fillId="0" borderId="7" xfId="0" applyFont="1" applyBorder="1" applyAlignment="1">
      <alignment vertical="center" shrinkToFit="1"/>
    </xf>
    <xf numFmtId="0" fontId="2" fillId="0" borderId="8" xfId="0" applyFont="1" applyBorder="1" applyAlignment="1">
      <alignment vertical="center" shrinkToFit="1"/>
    </xf>
    <xf numFmtId="0" fontId="2" fillId="0" borderId="5" xfId="0" applyFont="1" applyBorder="1" applyAlignment="1">
      <alignment vertical="center" shrinkToFit="1"/>
    </xf>
    <xf numFmtId="0" fontId="2" fillId="0" borderId="15" xfId="0" applyFont="1" applyBorder="1" applyAlignment="1">
      <alignment vertical="center" shrinkToFit="1"/>
    </xf>
    <xf numFmtId="0" fontId="2" fillId="0" borderId="16" xfId="0" applyFont="1" applyBorder="1"/>
    <xf numFmtId="0" fontId="4" fillId="0" borderId="0" xfId="0" applyFont="1"/>
    <xf numFmtId="0" fontId="6" fillId="0" borderId="8" xfId="0" applyFont="1" applyBorder="1" applyAlignment="1">
      <alignment vertical="center"/>
    </xf>
    <xf numFmtId="0" fontId="2" fillId="0" borderId="3" xfId="46" applyFont="1" applyBorder="1" applyAlignment="1">
      <alignment horizontal="center" vertical="center"/>
    </xf>
    <xf numFmtId="0" fontId="6" fillId="0" borderId="4" xfId="0" applyFont="1" applyBorder="1" applyAlignment="1">
      <alignment vertical="center"/>
    </xf>
    <xf numFmtId="0" fontId="6" fillId="0" borderId="1" xfId="0" applyFont="1" applyBorder="1" applyAlignment="1">
      <alignment vertical="center"/>
    </xf>
    <xf numFmtId="0" fontId="6" fillId="0" borderId="5" xfId="0" applyFont="1" applyBorder="1" applyAlignment="1">
      <alignment vertical="center"/>
    </xf>
    <xf numFmtId="0" fontId="6" fillId="0" borderId="15" xfId="0" applyFont="1" applyBorder="1" applyAlignment="1">
      <alignment vertical="center"/>
    </xf>
    <xf numFmtId="0" fontId="13" fillId="0" borderId="27" xfId="0" applyFont="1" applyBorder="1" applyAlignment="1">
      <alignment vertical="center" shrinkToFit="1"/>
    </xf>
    <xf numFmtId="177" fontId="2" fillId="0" borderId="17" xfId="0" applyNumberFormat="1" applyFont="1" applyBorder="1" applyAlignment="1">
      <alignment horizontal="center" vertical="center"/>
    </xf>
    <xf numFmtId="177" fontId="2" fillId="0" borderId="0" xfId="0" applyNumberFormat="1" applyFont="1" applyAlignment="1">
      <alignment horizontal="center" vertical="center"/>
    </xf>
    <xf numFmtId="177" fontId="2" fillId="0" borderId="0" xfId="0" applyNumberFormat="1" applyFont="1" applyAlignment="1">
      <alignment vertical="center"/>
    </xf>
    <xf numFmtId="177" fontId="2" fillId="0" borderId="5" xfId="0" applyNumberFormat="1" applyFont="1" applyBorder="1" applyAlignment="1">
      <alignment vertical="center"/>
    </xf>
    <xf numFmtId="177" fontId="2" fillId="0" borderId="5" xfId="0" applyNumberFormat="1" applyFont="1" applyBorder="1" applyAlignment="1">
      <alignment horizontal="center" vertical="center"/>
    </xf>
    <xf numFmtId="0" fontId="6" fillId="0" borderId="5" xfId="0" applyFont="1" applyBorder="1" applyAlignment="1">
      <alignment horizontal="left" vertical="center"/>
    </xf>
    <xf numFmtId="0" fontId="13" fillId="0" borderId="0" xfId="0" applyFont="1" applyAlignment="1">
      <alignment horizontal="left" vertical="center"/>
    </xf>
    <xf numFmtId="0" fontId="12" fillId="0" borderId="0" xfId="0" applyFont="1" applyAlignment="1">
      <alignment vertical="top"/>
    </xf>
    <xf numFmtId="0" fontId="12" fillId="0" borderId="0" xfId="0" applyFont="1" applyAlignment="1">
      <alignment horizontal="left" vertical="top"/>
    </xf>
    <xf numFmtId="0" fontId="6" fillId="0" borderId="0" xfId="0" applyFont="1" applyAlignment="1">
      <alignment vertical="center"/>
    </xf>
    <xf numFmtId="0" fontId="6" fillId="0" borderId="27" xfId="0" applyFont="1" applyBorder="1" applyAlignment="1">
      <alignment vertical="center"/>
    </xf>
    <xf numFmtId="0" fontId="6" fillId="0" borderId="16" xfId="0" applyFont="1" applyBorder="1" applyAlignment="1">
      <alignment horizontal="left" vertical="center"/>
    </xf>
    <xf numFmtId="177" fontId="2" fillId="0" borderId="4" xfId="0" applyNumberFormat="1" applyFont="1" applyBorder="1" applyAlignment="1">
      <alignment vertical="center"/>
    </xf>
    <xf numFmtId="0" fontId="13" fillId="0" borderId="0" xfId="0" applyFont="1" applyAlignment="1">
      <alignment vertical="center"/>
    </xf>
    <xf numFmtId="0" fontId="6" fillId="0" borderId="15" xfId="0" applyFont="1" applyBorder="1" applyAlignment="1">
      <alignment horizontal="left" vertical="center"/>
    </xf>
    <xf numFmtId="0" fontId="13" fillId="0" borderId="0" xfId="0" applyFont="1" applyAlignment="1">
      <alignment horizontal="left" vertical="top"/>
    </xf>
    <xf numFmtId="0" fontId="4" fillId="0" borderId="0" xfId="0" applyFont="1" applyAlignment="1">
      <alignment vertical="center"/>
    </xf>
    <xf numFmtId="0" fontId="4" fillId="0" borderId="27" xfId="0" applyFont="1" applyBorder="1" applyAlignment="1">
      <alignment horizontal="center" vertical="center"/>
    </xf>
    <xf numFmtId="0" fontId="4" fillId="0" borderId="4" xfId="0" applyFont="1" applyBorder="1" applyAlignment="1">
      <alignment horizontal="center" vertical="center"/>
    </xf>
    <xf numFmtId="0" fontId="11" fillId="0" borderId="17" xfId="0" applyFont="1" applyBorder="1" applyAlignment="1">
      <alignment horizontal="center" vertical="center"/>
    </xf>
    <xf numFmtId="0" fontId="11" fillId="0" borderId="27" xfId="0" applyFont="1" applyBorder="1" applyAlignment="1">
      <alignment horizontal="center" vertical="center"/>
    </xf>
    <xf numFmtId="0" fontId="2" fillId="0" borderId="0" xfId="0" applyFont="1" applyAlignment="1">
      <alignment horizontal="right" vertical="top"/>
    </xf>
    <xf numFmtId="0" fontId="16" fillId="0" borderId="0" xfId="0" applyFont="1" applyAlignment="1">
      <alignment horizontal="left" vertical="center"/>
    </xf>
    <xf numFmtId="0" fontId="16" fillId="0" borderId="0" xfId="0" applyFont="1" applyAlignment="1">
      <alignment horizontal="right" vertical="center"/>
    </xf>
    <xf numFmtId="0" fontId="16" fillId="0" borderId="0" xfId="0" applyFont="1" applyAlignment="1">
      <alignment horizontal="center" vertical="center"/>
    </xf>
    <xf numFmtId="0" fontId="16" fillId="0" borderId="6" xfId="0" applyFont="1" applyBorder="1" applyAlignment="1">
      <alignment vertical="center"/>
    </xf>
    <xf numFmtId="0" fontId="16" fillId="0" borderId="7" xfId="0" applyFont="1" applyBorder="1" applyAlignment="1">
      <alignment vertical="center"/>
    </xf>
    <xf numFmtId="0" fontId="16" fillId="0" borderId="8" xfId="0" applyFont="1" applyBorder="1" applyAlignment="1">
      <alignment vertical="center"/>
    </xf>
    <xf numFmtId="0" fontId="16" fillId="0" borderId="0" xfId="0" applyFont="1"/>
    <xf numFmtId="0" fontId="16" fillId="0" borderId="3" xfId="0" applyFont="1" applyBorder="1" applyAlignment="1">
      <alignment horizontal="left" vertical="center"/>
    </xf>
    <xf numFmtId="0" fontId="16" fillId="0" borderId="4" xfId="0" applyFont="1" applyBorder="1" applyAlignment="1">
      <alignment horizontal="left" vertical="center"/>
    </xf>
    <xf numFmtId="0" fontId="16" fillId="0" borderId="1" xfId="0" applyFont="1" applyBorder="1" applyAlignment="1">
      <alignment horizontal="left" vertical="center"/>
    </xf>
    <xf numFmtId="0" fontId="16" fillId="0" borderId="17" xfId="0" applyFont="1" applyBorder="1" applyAlignment="1">
      <alignment horizontal="left" vertical="center"/>
    </xf>
    <xf numFmtId="0" fontId="16" fillId="0" borderId="27" xfId="0" applyFont="1" applyBorder="1" applyAlignment="1">
      <alignment horizontal="left" vertical="center"/>
    </xf>
    <xf numFmtId="0" fontId="16" fillId="0" borderId="0" xfId="0" applyFont="1" applyAlignment="1">
      <alignment vertical="center"/>
    </xf>
    <xf numFmtId="0" fontId="17" fillId="0" borderId="2" xfId="0" applyFont="1" applyBorder="1" applyAlignment="1">
      <alignment horizontal="center" vertical="center"/>
    </xf>
    <xf numFmtId="0" fontId="17" fillId="0" borderId="17" xfId="0" applyFont="1" applyBorder="1" applyAlignment="1">
      <alignment horizontal="center" vertical="center"/>
    </xf>
    <xf numFmtId="0" fontId="17" fillId="0" borderId="0" xfId="0" applyFont="1" applyAlignment="1">
      <alignment horizontal="center" vertical="center"/>
    </xf>
    <xf numFmtId="0" fontId="17" fillId="0" borderId="27" xfId="0" applyFont="1" applyBorder="1" applyAlignment="1">
      <alignment horizontal="center" vertical="center"/>
    </xf>
    <xf numFmtId="0" fontId="16" fillId="0" borderId="17" xfId="0" applyFont="1" applyBorder="1" applyAlignment="1">
      <alignment horizontal="center" vertical="center" wrapText="1"/>
    </xf>
    <xf numFmtId="0" fontId="16" fillId="0" borderId="0" xfId="0" applyFont="1" applyAlignment="1">
      <alignment horizontal="center" vertical="center" wrapText="1"/>
    </xf>
    <xf numFmtId="0" fontId="16" fillId="0" borderId="27" xfId="0" applyFont="1" applyBorder="1" applyAlignment="1">
      <alignment horizontal="center" vertical="center" wrapText="1"/>
    </xf>
    <xf numFmtId="0" fontId="17" fillId="0" borderId="0" xfId="0" applyFont="1" applyAlignment="1">
      <alignment horizontal="left" vertical="center" wrapText="1" indent="1"/>
    </xf>
    <xf numFmtId="0" fontId="17" fillId="0" borderId="0" xfId="0" applyFont="1" applyAlignment="1">
      <alignment horizontal="left" vertical="center"/>
    </xf>
    <xf numFmtId="0" fontId="17" fillId="0" borderId="7" xfId="0" applyFont="1" applyBorder="1" applyAlignment="1">
      <alignment vertical="center"/>
    </xf>
    <xf numFmtId="0" fontId="17" fillId="0" borderId="7" xfId="0" applyFont="1" applyBorder="1" applyAlignment="1">
      <alignment vertical="center" wrapText="1"/>
    </xf>
    <xf numFmtId="0" fontId="16" fillId="0" borderId="16" xfId="0" applyFont="1" applyBorder="1" applyAlignment="1">
      <alignment horizontal="left" vertical="center"/>
    </xf>
    <xf numFmtId="0" fontId="16" fillId="0" borderId="5" xfId="0" applyFont="1" applyBorder="1" applyAlignment="1">
      <alignment horizontal="left" vertical="center"/>
    </xf>
    <xf numFmtId="0" fontId="16" fillId="0" borderId="15" xfId="0" applyFont="1" applyBorder="1" applyAlignment="1">
      <alignment horizontal="left" vertical="center"/>
    </xf>
    <xf numFmtId="0" fontId="16" fillId="0" borderId="0" xfId="0" applyFont="1" applyAlignment="1">
      <alignment horizontal="left"/>
    </xf>
    <xf numFmtId="0" fontId="16" fillId="0" borderId="0" xfId="0" applyFont="1" applyAlignment="1">
      <alignment horizontal="center"/>
    </xf>
    <xf numFmtId="0" fontId="4" fillId="0" borderId="1" xfId="0" applyFont="1" applyBorder="1" applyAlignment="1">
      <alignment horizontal="center" vertical="center"/>
    </xf>
    <xf numFmtId="0" fontId="4" fillId="0" borderId="27" xfId="0" applyFont="1" applyBorder="1" applyAlignment="1">
      <alignment vertical="center"/>
    </xf>
    <xf numFmtId="0" fontId="12" fillId="0" borderId="4" xfId="0" applyFont="1" applyBorder="1" applyAlignment="1">
      <alignment vertical="center"/>
    </xf>
    <xf numFmtId="0" fontId="2" fillId="0" borderId="17" xfId="0" applyFont="1" applyBorder="1" applyAlignment="1">
      <alignment horizontal="left" vertical="center" indent="1"/>
    </xf>
    <xf numFmtId="0" fontId="3" fillId="0" borderId="0" xfId="0" applyFont="1" applyAlignment="1">
      <alignment horizontal="left" vertical="center"/>
    </xf>
    <xf numFmtId="178" fontId="2" fillId="0" borderId="0" xfId="0" applyNumberFormat="1" applyFont="1" applyAlignment="1">
      <alignment horizontal="left" vertical="center"/>
    </xf>
    <xf numFmtId="0" fontId="24" fillId="0" borderId="0" xfId="50">
      <alignment vertical="center"/>
    </xf>
    <xf numFmtId="0" fontId="24" fillId="0" borderId="0" xfId="50" applyAlignment="1">
      <alignment horizontal="right" vertical="center"/>
    </xf>
    <xf numFmtId="0" fontId="24" fillId="0" borderId="0" xfId="50" applyAlignment="1">
      <alignment horizontal="center" vertical="center"/>
    </xf>
    <xf numFmtId="0" fontId="24" fillId="34" borderId="0" xfId="50" applyFill="1" applyAlignment="1">
      <alignment horizontal="center" vertical="center"/>
    </xf>
    <xf numFmtId="0" fontId="24" fillId="0" borderId="8" xfId="50" applyBorder="1">
      <alignment vertical="center"/>
    </xf>
    <xf numFmtId="0" fontId="2" fillId="0" borderId="29" xfId="0" applyFont="1" applyBorder="1" applyAlignment="1">
      <alignment vertical="center"/>
    </xf>
    <xf numFmtId="0" fontId="2" fillId="0" borderId="27" xfId="0" applyFont="1" applyBorder="1" applyAlignment="1">
      <alignment vertical="top"/>
    </xf>
    <xf numFmtId="0" fontId="2" fillId="0" borderId="17" xfId="0" applyFont="1" applyBorder="1" applyAlignment="1">
      <alignment vertical="top"/>
    </xf>
    <xf numFmtId="0" fontId="2" fillId="0" borderId="30" xfId="0" applyFont="1" applyBorder="1" applyAlignment="1">
      <alignment vertical="center"/>
    </xf>
    <xf numFmtId="0" fontId="0" fillId="0" borderId="7" xfId="0" applyBorder="1"/>
    <xf numFmtId="0" fontId="37" fillId="0" borderId="0" xfId="0" applyFont="1" applyAlignment="1">
      <alignment wrapText="1"/>
    </xf>
    <xf numFmtId="0" fontId="6" fillId="0" borderId="25" xfId="0" applyFont="1" applyBorder="1" applyAlignment="1">
      <alignment vertical="center"/>
    </xf>
    <xf numFmtId="0" fontId="37" fillId="0" borderId="0" xfId="0" applyFont="1" applyAlignment="1">
      <alignment horizontal="left" wrapText="1"/>
    </xf>
    <xf numFmtId="0" fontId="6" fillId="0" borderId="17" xfId="0" applyFont="1" applyBorder="1" applyAlignment="1">
      <alignment vertical="center"/>
    </xf>
    <xf numFmtId="0" fontId="6" fillId="0" borderId="2" xfId="0" applyFont="1" applyBorder="1" applyAlignment="1">
      <alignment vertical="center"/>
    </xf>
    <xf numFmtId="0" fontId="6" fillId="0" borderId="27" xfId="0" applyFont="1" applyBorder="1" applyAlignment="1">
      <alignment horizontal="center" vertical="center"/>
    </xf>
    <xf numFmtId="0" fontId="0" fillId="0" borderId="4" xfId="0" applyBorder="1"/>
    <xf numFmtId="0" fontId="0" fillId="0" borderId="5" xfId="0" applyBorder="1"/>
    <xf numFmtId="0" fontId="2" fillId="0" borderId="17" xfId="46" applyFont="1" applyBorder="1" applyAlignment="1">
      <alignment vertical="center"/>
    </xf>
    <xf numFmtId="0" fontId="2" fillId="0" borderId="0" xfId="46" applyFont="1" applyAlignment="1">
      <alignment vertical="center"/>
    </xf>
    <xf numFmtId="0" fontId="2" fillId="0" borderId="27" xfId="46" applyFont="1" applyBorder="1" applyAlignment="1">
      <alignment vertical="center"/>
    </xf>
    <xf numFmtId="0" fontId="2" fillId="0" borderId="5" xfId="46" applyFont="1" applyBorder="1" applyAlignment="1">
      <alignment horizontal="left" vertical="center"/>
    </xf>
    <xf numFmtId="0" fontId="2" fillId="0" borderId="15" xfId="46" applyFont="1" applyBorder="1" applyAlignment="1">
      <alignment horizontal="left" vertical="center"/>
    </xf>
    <xf numFmtId="0" fontId="2" fillId="0" borderId="0" xfId="46" applyFont="1" applyAlignment="1">
      <alignment horizontal="left" vertical="center"/>
    </xf>
    <xf numFmtId="0" fontId="2" fillId="0" borderId="4" xfId="46" applyFont="1" applyBorder="1" applyAlignment="1">
      <alignment horizontal="left" vertical="center"/>
    </xf>
    <xf numFmtId="0" fontId="2" fillId="0" borderId="1" xfId="46" applyFont="1" applyBorder="1" applyAlignment="1">
      <alignment horizontal="left" vertical="center"/>
    </xf>
    <xf numFmtId="0" fontId="6" fillId="0" borderId="29" xfId="0" applyFont="1" applyBorder="1" applyAlignment="1">
      <alignment vertical="center"/>
    </xf>
    <xf numFmtId="0" fontId="6" fillId="0" borderId="6" xfId="0" applyFont="1" applyBorder="1" applyAlignment="1">
      <alignment vertical="center"/>
    </xf>
    <xf numFmtId="179" fontId="2" fillId="0" borderId="8" xfId="46" applyNumberFormat="1" applyFont="1" applyBorder="1" applyAlignment="1">
      <alignment horizontal="center" vertical="center"/>
    </xf>
    <xf numFmtId="179" fontId="2" fillId="0" borderId="27" xfId="46" applyNumberFormat="1" applyFont="1" applyBorder="1" applyAlignment="1">
      <alignment vertical="center"/>
    </xf>
    <xf numFmtId="179" fontId="2" fillId="0" borderId="15" xfId="46" applyNumberFormat="1" applyFont="1" applyBorder="1" applyAlignment="1">
      <alignment vertical="center"/>
    </xf>
    <xf numFmtId="0" fontId="2" fillId="0" borderId="2" xfId="0" applyFont="1" applyBorder="1" applyAlignment="1">
      <alignment horizontal="centerContinuous" vertical="center"/>
    </xf>
    <xf numFmtId="0" fontId="2" fillId="0" borderId="7" xfId="0" applyFont="1" applyBorder="1" applyAlignment="1">
      <alignment vertical="center" wrapText="1" shrinkToFit="1"/>
    </xf>
    <xf numFmtId="49" fontId="2" fillId="0" borderId="0" xfId="0" applyNumberFormat="1" applyFont="1" applyAlignment="1">
      <alignment horizontal="left" vertical="center"/>
    </xf>
    <xf numFmtId="1" fontId="2" fillId="0" borderId="7" xfId="0" applyNumberFormat="1" applyFont="1" applyBorder="1" applyAlignment="1">
      <alignment vertical="center"/>
    </xf>
    <xf numFmtId="49" fontId="2" fillId="0" borderId="5" xfId="0" applyNumberFormat="1" applyFont="1" applyBorder="1" applyAlignment="1">
      <alignment horizontal="left" vertical="center"/>
    </xf>
    <xf numFmtId="0" fontId="2" fillId="0" borderId="29" xfId="0" applyFont="1" applyBorder="1" applyAlignment="1">
      <alignment horizontal="center" vertical="center"/>
    </xf>
    <xf numFmtId="0" fontId="18" fillId="0" borderId="0" xfId="0" applyFont="1" applyAlignment="1">
      <alignment vertical="center"/>
    </xf>
    <xf numFmtId="0" fontId="2" fillId="0" borderId="5" xfId="0" applyFont="1" applyBorder="1" applyAlignment="1">
      <alignment horizontal="left" vertical="center" wrapText="1" shrinkToFit="1"/>
    </xf>
    <xf numFmtId="0" fontId="2" fillId="0" borderId="15" xfId="0" applyFont="1" applyBorder="1" applyAlignment="1">
      <alignment horizontal="left" vertical="center" shrinkToFit="1"/>
    </xf>
    <xf numFmtId="0" fontId="4" fillId="0" borderId="16" xfId="0" applyFont="1" applyBorder="1" applyAlignment="1">
      <alignment vertical="center"/>
    </xf>
    <xf numFmtId="0" fontId="4" fillId="0" borderId="7" xfId="0" applyFont="1" applyBorder="1" applyAlignment="1">
      <alignment vertical="center"/>
    </xf>
    <xf numFmtId="0" fontId="4" fillId="0" borderId="4" xfId="0" applyFont="1" applyBorder="1" applyAlignment="1">
      <alignment vertical="center"/>
    </xf>
    <xf numFmtId="0" fontId="4" fillId="0" borderId="3" xfId="0" applyFont="1" applyBorder="1" applyAlignment="1">
      <alignment horizontal="center" vertical="center"/>
    </xf>
    <xf numFmtId="0" fontId="4" fillId="0" borderId="5" xfId="0" applyFont="1" applyBorder="1" applyAlignment="1">
      <alignment vertical="center"/>
    </xf>
    <xf numFmtId="0" fontId="12" fillId="0" borderId="0" xfId="0" applyFont="1" applyAlignment="1">
      <alignment horizontal="left"/>
    </xf>
    <xf numFmtId="0" fontId="12" fillId="0" borderId="0" xfId="0" applyFont="1"/>
    <xf numFmtId="0" fontId="2" fillId="0" borderId="17" xfId="0" applyFont="1" applyBorder="1" applyAlignment="1">
      <alignment horizontal="center" vertical="top"/>
    </xf>
    <xf numFmtId="0" fontId="38" fillId="0" borderId="17" xfId="0" applyFont="1" applyBorder="1" applyAlignment="1">
      <alignment vertical="center"/>
    </xf>
    <xf numFmtId="0" fontId="38" fillId="0" borderId="16" xfId="0" applyFont="1" applyBorder="1" applyAlignment="1">
      <alignment vertical="center"/>
    </xf>
    <xf numFmtId="0" fontId="2" fillId="0" borderId="29" xfId="0" applyFont="1" applyBorder="1" applyAlignment="1">
      <alignment horizontal="left" vertical="center"/>
    </xf>
    <xf numFmtId="0" fontId="2" fillId="0" borderId="29" xfId="0" applyFont="1" applyBorder="1" applyAlignment="1">
      <alignment vertical="center" wrapText="1"/>
    </xf>
    <xf numFmtId="0" fontId="37" fillId="0" borderId="0" xfId="0" applyFont="1" applyAlignment="1">
      <alignment horizontal="left" vertical="center"/>
    </xf>
    <xf numFmtId="0" fontId="38" fillId="0" borderId="0" xfId="0" applyFont="1" applyAlignment="1">
      <alignment horizontal="left" vertical="center"/>
    </xf>
    <xf numFmtId="0" fontId="42" fillId="0" borderId="0" xfId="0" applyFont="1" applyAlignment="1">
      <alignment vertical="center"/>
    </xf>
    <xf numFmtId="0" fontId="43" fillId="0" borderId="3" xfId="0" applyFont="1" applyBorder="1" applyAlignment="1">
      <alignment horizontal="center" vertical="center"/>
    </xf>
    <xf numFmtId="0" fontId="43" fillId="0" borderId="8" xfId="0" applyFont="1" applyBorder="1" applyAlignment="1">
      <alignment horizontal="center" vertical="center"/>
    </xf>
    <xf numFmtId="0" fontId="12" fillId="0" borderId="5" xfId="0" applyFont="1" applyBorder="1" applyAlignment="1">
      <alignment horizontal="left" vertical="top" wrapText="1"/>
    </xf>
    <xf numFmtId="0" fontId="44" fillId="0" borderId="0" xfId="0" applyFont="1" applyAlignment="1">
      <alignment vertical="center"/>
    </xf>
    <xf numFmtId="0" fontId="12" fillId="0" borderId="0" xfId="0" applyFont="1" applyAlignment="1">
      <alignment vertical="center" wrapText="1"/>
    </xf>
    <xf numFmtId="0" fontId="2" fillId="0" borderId="6" xfId="0" applyFont="1" applyBorder="1" applyAlignment="1">
      <alignment horizontal="center" vertical="center"/>
    </xf>
    <xf numFmtId="0" fontId="2" fillId="0" borderId="7" xfId="0" applyFont="1" applyBorder="1" applyAlignment="1">
      <alignment horizontal="center" vertical="center"/>
    </xf>
    <xf numFmtId="0" fontId="2" fillId="0" borderId="8" xfId="0" applyFont="1" applyBorder="1" applyAlignment="1">
      <alignment horizontal="center" vertical="center"/>
    </xf>
    <xf numFmtId="0" fontId="2" fillId="0" borderId="3" xfId="0" applyFont="1" applyBorder="1" applyAlignment="1">
      <alignment horizontal="center" vertical="center"/>
    </xf>
    <xf numFmtId="0" fontId="2" fillId="0" borderId="4" xfId="0" applyFont="1" applyBorder="1" applyAlignment="1">
      <alignment horizontal="center" vertical="center"/>
    </xf>
    <xf numFmtId="0" fontId="2" fillId="0" borderId="1" xfId="0" applyFont="1" applyBorder="1" applyAlignment="1">
      <alignment horizontal="center" vertical="center"/>
    </xf>
    <xf numFmtId="0" fontId="2" fillId="0" borderId="16" xfId="0" applyFont="1" applyBorder="1" applyAlignment="1">
      <alignment horizontal="center" vertical="center"/>
    </xf>
    <xf numFmtId="0" fontId="2" fillId="0" borderId="5" xfId="0" applyFont="1" applyBorder="1" applyAlignment="1">
      <alignment horizontal="center" vertical="center"/>
    </xf>
    <xf numFmtId="0" fontId="2" fillId="0" borderId="15" xfId="0" applyFont="1" applyBorder="1" applyAlignment="1">
      <alignment horizontal="center" vertical="center"/>
    </xf>
    <xf numFmtId="0" fontId="2" fillId="0" borderId="31" xfId="0" applyFont="1" applyBorder="1" applyAlignment="1">
      <alignment horizontal="left" vertical="center"/>
    </xf>
    <xf numFmtId="0" fontId="2" fillId="0" borderId="5" xfId="0" applyFont="1" applyBorder="1" applyAlignment="1">
      <alignment horizontal="left" vertical="center"/>
    </xf>
    <xf numFmtId="0" fontId="2" fillId="0" borderId="0" xfId="0" applyFont="1" applyAlignment="1">
      <alignment vertical="center" wrapText="1"/>
    </xf>
    <xf numFmtId="0" fontId="2" fillId="0" borderId="6" xfId="0" applyFont="1" applyBorder="1" applyAlignment="1">
      <alignment horizontal="center" vertical="center" wrapText="1"/>
    </xf>
    <xf numFmtId="0" fontId="2" fillId="0" borderId="0" xfId="0" applyFont="1" applyAlignment="1">
      <alignment horizontal="left" vertical="top" wrapText="1"/>
    </xf>
    <xf numFmtId="0" fontId="2" fillId="0" borderId="3" xfId="0" applyFont="1" applyBorder="1" applyAlignment="1">
      <alignment horizontal="center" vertical="center" wrapText="1"/>
    </xf>
    <xf numFmtId="0" fontId="2" fillId="0" borderId="4" xfId="0" applyFont="1" applyBorder="1" applyAlignment="1">
      <alignment horizontal="center" vertical="center" wrapText="1"/>
    </xf>
    <xf numFmtId="0" fontId="2" fillId="0" borderId="4" xfId="0" applyFont="1" applyBorder="1" applyAlignment="1">
      <alignment horizontal="left" vertical="center" wrapText="1"/>
    </xf>
    <xf numFmtId="0" fontId="2" fillId="0" borderId="1" xfId="0" applyFont="1" applyBorder="1" applyAlignment="1">
      <alignment horizontal="left" vertical="center" wrapText="1"/>
    </xf>
    <xf numFmtId="0" fontId="2" fillId="0" borderId="3" xfId="0" applyFont="1" applyBorder="1" applyAlignment="1">
      <alignment horizontal="left" vertical="center" wrapText="1"/>
    </xf>
    <xf numFmtId="0" fontId="2" fillId="0" borderId="16" xfId="0" applyFont="1" applyBorder="1" applyAlignment="1">
      <alignment horizontal="left" vertical="center" wrapText="1"/>
    </xf>
    <xf numFmtId="0" fontId="2" fillId="0" borderId="5" xfId="0" applyFont="1" applyBorder="1" applyAlignment="1">
      <alignment horizontal="left" vertical="center" wrapText="1"/>
    </xf>
    <xf numFmtId="0" fontId="2" fillId="0" borderId="15" xfId="0" applyFont="1" applyBorder="1" applyAlignment="1">
      <alignment horizontal="left" vertical="center" wrapText="1"/>
    </xf>
    <xf numFmtId="0" fontId="2" fillId="0" borderId="1" xfId="0" applyFont="1" applyBorder="1" applyAlignment="1">
      <alignment horizontal="center" vertical="center" wrapText="1"/>
    </xf>
    <xf numFmtId="0" fontId="2" fillId="0" borderId="0" xfId="0" applyFont="1" applyAlignment="1">
      <alignment horizontal="center" vertical="center"/>
    </xf>
    <xf numFmtId="0" fontId="2" fillId="0" borderId="17" xfId="0" applyFont="1" applyBorder="1" applyAlignment="1">
      <alignment horizontal="left" vertical="center" wrapText="1"/>
    </xf>
    <xf numFmtId="0" fontId="2" fillId="0" borderId="0" xfId="0" applyFont="1" applyAlignment="1">
      <alignment horizontal="left" vertical="center" wrapText="1"/>
    </xf>
    <xf numFmtId="0" fontId="2" fillId="0" borderId="27" xfId="0" applyFont="1" applyBorder="1" applyAlignment="1">
      <alignment horizontal="left" vertical="center" wrapText="1"/>
    </xf>
    <xf numFmtId="0" fontId="2" fillId="0" borderId="0" xfId="0" applyFont="1" applyAlignment="1">
      <alignment horizontal="center" vertical="top"/>
    </xf>
    <xf numFmtId="0" fontId="2" fillId="0" borderId="6" xfId="0" applyFont="1" applyBorder="1" applyAlignment="1">
      <alignment horizontal="left" vertical="center"/>
    </xf>
    <xf numFmtId="0" fontId="2" fillId="0" borderId="16" xfId="0" applyFont="1" applyBorder="1" applyAlignment="1">
      <alignment horizontal="center"/>
    </xf>
    <xf numFmtId="0" fontId="2" fillId="0" borderId="3" xfId="0" applyFont="1" applyBorder="1" applyAlignment="1">
      <alignment horizontal="center"/>
    </xf>
    <xf numFmtId="0" fontId="4" fillId="0" borderId="4" xfId="0" applyFont="1" applyBorder="1" applyAlignment="1">
      <alignment horizontal="left" vertical="center" wrapText="1"/>
    </xf>
    <xf numFmtId="0" fontId="4" fillId="0" borderId="0" xfId="0" applyFont="1" applyAlignment="1">
      <alignment horizontal="left" vertical="center" wrapText="1"/>
    </xf>
    <xf numFmtId="0" fontId="4" fillId="0" borderId="5" xfId="0" applyFont="1" applyBorder="1" applyAlignment="1">
      <alignment horizontal="left" vertical="center" wrapText="1"/>
    </xf>
    <xf numFmtId="0" fontId="2" fillId="0" borderId="0" xfId="0" applyFont="1" applyAlignment="1">
      <alignment horizontal="right" vertical="center"/>
    </xf>
    <xf numFmtId="0" fontId="2" fillId="0" borderId="5" xfId="0" applyFont="1" applyBorder="1" applyAlignment="1">
      <alignment horizontal="left" vertical="center" shrinkToFit="1"/>
    </xf>
    <xf numFmtId="0" fontId="2" fillId="0" borderId="2" xfId="0" applyFont="1" applyBorder="1" applyAlignment="1">
      <alignment horizontal="center" vertical="center"/>
    </xf>
    <xf numFmtId="0" fontId="2" fillId="0" borderId="7" xfId="0" applyFont="1" applyBorder="1" applyAlignment="1">
      <alignment horizontal="left" vertical="center"/>
    </xf>
    <xf numFmtId="0" fontId="2" fillId="0" borderId="8" xfId="0" applyFont="1" applyBorder="1" applyAlignment="1">
      <alignment horizontal="left" vertical="center"/>
    </xf>
    <xf numFmtId="0" fontId="2" fillId="0" borderId="0" xfId="0" applyFont="1" applyAlignment="1">
      <alignment horizontal="left" vertical="top"/>
    </xf>
    <xf numFmtId="0" fontId="2" fillId="0" borderId="0" xfId="0" applyFont="1" applyAlignment="1">
      <alignment horizontal="center" vertical="center" wrapText="1"/>
    </xf>
    <xf numFmtId="0" fontId="2" fillId="0" borderId="0" xfId="0" applyFont="1" applyAlignment="1">
      <alignment horizontal="left" vertical="center"/>
    </xf>
    <xf numFmtId="0" fontId="2" fillId="0" borderId="17" xfId="0" applyFont="1" applyBorder="1" applyAlignment="1">
      <alignment horizontal="center" vertical="center"/>
    </xf>
    <xf numFmtId="0" fontId="2" fillId="0" borderId="27" xfId="0" applyFont="1" applyBorder="1" applyAlignment="1">
      <alignment horizontal="center" vertical="center"/>
    </xf>
    <xf numFmtId="0" fontId="2" fillId="0" borderId="2" xfId="0" applyFont="1" applyBorder="1" applyAlignment="1">
      <alignment vertical="center"/>
    </xf>
    <xf numFmtId="0" fontId="2" fillId="0" borderId="27" xfId="0" applyFont="1" applyBorder="1" applyAlignment="1">
      <alignment horizontal="left" vertical="center"/>
    </xf>
    <xf numFmtId="0" fontId="2" fillId="0" borderId="17" xfId="0" applyFont="1" applyBorder="1" applyAlignment="1">
      <alignment horizontal="left" vertical="center"/>
    </xf>
    <xf numFmtId="0" fontId="2" fillId="0" borderId="3" xfId="0" applyFont="1" applyBorder="1" applyAlignment="1">
      <alignment horizontal="left" vertical="center"/>
    </xf>
    <xf numFmtId="0" fontId="2" fillId="0" borderId="4" xfId="0" applyFont="1" applyBorder="1" applyAlignment="1">
      <alignment horizontal="left" vertical="center"/>
    </xf>
    <xf numFmtId="0" fontId="2" fillId="0" borderId="1" xfId="0" applyFont="1" applyBorder="1" applyAlignment="1">
      <alignment horizontal="left" vertical="center"/>
    </xf>
    <xf numFmtId="0" fontId="2" fillId="0" borderId="16" xfId="0" applyFont="1" applyBorder="1" applyAlignment="1">
      <alignment horizontal="left" vertical="center"/>
    </xf>
    <xf numFmtId="0" fontId="2" fillId="0" borderId="15" xfId="0" applyFont="1" applyBorder="1" applyAlignment="1">
      <alignment horizontal="left" vertical="center"/>
    </xf>
    <xf numFmtId="0" fontId="2" fillId="0" borderId="5" xfId="0" applyFont="1" applyBorder="1" applyAlignment="1">
      <alignment vertical="center" wrapText="1"/>
    </xf>
    <xf numFmtId="0" fontId="2" fillId="0" borderId="0" xfId="0" applyFont="1" applyAlignment="1">
      <alignment horizontal="center"/>
    </xf>
    <xf numFmtId="0" fontId="2" fillId="0" borderId="17" xfId="0" applyFont="1" applyBorder="1" applyAlignment="1">
      <alignment horizontal="center" vertical="center" wrapText="1"/>
    </xf>
    <xf numFmtId="0" fontId="2" fillId="0" borderId="27" xfId="0" applyFont="1" applyBorder="1" applyAlignment="1">
      <alignment horizontal="center" vertical="center" wrapText="1"/>
    </xf>
    <xf numFmtId="0" fontId="2" fillId="0" borderId="16" xfId="0" applyFont="1" applyBorder="1" applyAlignment="1">
      <alignment horizontal="center" vertical="center" wrapText="1"/>
    </xf>
    <xf numFmtId="0" fontId="2" fillId="0" borderId="5" xfId="0" applyFont="1" applyBorder="1" applyAlignment="1">
      <alignment horizontal="center" vertical="center" wrapText="1"/>
    </xf>
    <xf numFmtId="0" fontId="2" fillId="0" borderId="15" xfId="0" applyFont="1" applyBorder="1" applyAlignment="1">
      <alignment horizontal="center" vertical="center" wrapText="1"/>
    </xf>
    <xf numFmtId="0" fontId="12" fillId="0" borderId="0" xfId="0" applyFont="1" applyAlignment="1">
      <alignment vertical="top" wrapText="1"/>
    </xf>
    <xf numFmtId="0" fontId="6" fillId="0" borderId="6" xfId="0" applyFont="1" applyBorder="1" applyAlignment="1">
      <alignment horizontal="left" vertical="center"/>
    </xf>
    <xf numFmtId="0" fontId="6" fillId="0" borderId="7" xfId="0" applyFont="1" applyBorder="1" applyAlignment="1">
      <alignment horizontal="left" vertical="center"/>
    </xf>
    <xf numFmtId="0" fontId="6" fillId="0" borderId="8" xfId="0" applyFont="1" applyBorder="1" applyAlignment="1">
      <alignment horizontal="left" vertical="center"/>
    </xf>
    <xf numFmtId="0" fontId="12" fillId="0" borderId="0" xfId="0" applyFont="1" applyAlignment="1">
      <alignment horizontal="left" vertical="top" wrapText="1"/>
    </xf>
    <xf numFmtId="0" fontId="6" fillId="0" borderId="7" xfId="0" applyFont="1" applyBorder="1" applyAlignment="1">
      <alignment vertical="center"/>
    </xf>
    <xf numFmtId="0" fontId="2" fillId="0" borderId="6" xfId="0" applyFont="1" applyBorder="1" applyAlignment="1">
      <alignment vertical="center"/>
    </xf>
    <xf numFmtId="0" fontId="2" fillId="0" borderId="7" xfId="0" applyFont="1" applyBorder="1" applyAlignment="1">
      <alignment vertical="center"/>
    </xf>
    <xf numFmtId="0" fontId="2" fillId="0" borderId="16" xfId="0" applyFont="1" applyBorder="1" applyAlignment="1">
      <alignment vertical="center"/>
    </xf>
    <xf numFmtId="0" fontId="2" fillId="0" borderId="5" xfId="0" applyFont="1" applyBorder="1" applyAlignment="1">
      <alignment vertical="center"/>
    </xf>
    <xf numFmtId="0" fontId="2" fillId="0" borderId="30" xfId="0" applyFont="1" applyBorder="1" applyAlignment="1">
      <alignment horizontal="center" vertical="center"/>
    </xf>
    <xf numFmtId="0" fontId="4" fillId="0" borderId="4" xfId="0" applyFont="1" applyBorder="1" applyAlignment="1">
      <alignment vertical="center" wrapText="1"/>
    </xf>
    <xf numFmtId="0" fontId="4" fillId="0" borderId="5" xfId="0" applyFont="1" applyBorder="1" applyAlignment="1">
      <alignment vertical="center" wrapText="1"/>
    </xf>
    <xf numFmtId="0" fontId="2" fillId="0" borderId="8" xfId="0" applyFont="1" applyBorder="1" applyAlignment="1">
      <alignment vertical="center"/>
    </xf>
    <xf numFmtId="0" fontId="2" fillId="0" borderId="3" xfId="0" applyFont="1" applyBorder="1" applyAlignment="1">
      <alignment vertical="center"/>
    </xf>
    <xf numFmtId="0" fontId="2" fillId="0" borderId="4" xfId="0" applyFont="1" applyBorder="1" applyAlignment="1">
      <alignment vertical="center"/>
    </xf>
    <xf numFmtId="0" fontId="2" fillId="0" borderId="1" xfId="0" applyFont="1" applyBorder="1" applyAlignment="1">
      <alignment vertical="center"/>
    </xf>
    <xf numFmtId="0" fontId="2" fillId="0" borderId="15" xfId="0" applyFont="1" applyBorder="1" applyAlignment="1">
      <alignment vertical="center"/>
    </xf>
    <xf numFmtId="0" fontId="2" fillId="0" borderId="0" xfId="0" applyFont="1" applyAlignment="1">
      <alignment vertical="top" wrapText="1"/>
    </xf>
    <xf numFmtId="0" fontId="2" fillId="0" borderId="27" xfId="0" applyFont="1" applyBorder="1" applyAlignment="1">
      <alignment vertical="top" wrapText="1"/>
    </xf>
    <xf numFmtId="0" fontId="4" fillId="0" borderId="7" xfId="0" applyFont="1" applyBorder="1" applyAlignment="1">
      <alignment vertical="center" wrapText="1"/>
    </xf>
    <xf numFmtId="0" fontId="2" fillId="0" borderId="17" xfId="0" applyFont="1" applyBorder="1" applyAlignment="1">
      <alignment vertical="center" wrapText="1"/>
    </xf>
    <xf numFmtId="0" fontId="2" fillId="0" borderId="27" xfId="0" applyFont="1" applyBorder="1" applyAlignment="1">
      <alignment vertical="center" wrapText="1"/>
    </xf>
    <xf numFmtId="0" fontId="4" fillId="0" borderId="2" xfId="0" applyFont="1" applyBorder="1" applyAlignment="1">
      <alignment horizontal="center" vertical="center"/>
    </xf>
    <xf numFmtId="0" fontId="12" fillId="0" borderId="0" xfId="0" applyFont="1" applyAlignment="1">
      <alignment horizontal="center" vertical="center"/>
    </xf>
    <xf numFmtId="0" fontId="24" fillId="0" borderId="8" xfId="50" applyBorder="1" applyAlignment="1">
      <alignment horizontal="center" vertical="center"/>
    </xf>
    <xf numFmtId="0" fontId="4" fillId="0" borderId="7" xfId="0" applyFont="1" applyBorder="1" applyAlignment="1">
      <alignment horizontal="center" vertical="center"/>
    </xf>
    <xf numFmtId="0" fontId="4" fillId="0" borderId="0" xfId="0" applyFont="1" applyAlignment="1">
      <alignment horizontal="center" vertical="center"/>
    </xf>
    <xf numFmtId="0" fontId="4" fillId="0" borderId="0" xfId="0" applyFont="1" applyAlignment="1">
      <alignment horizontal="center" vertical="center" wrapText="1"/>
    </xf>
    <xf numFmtId="0" fontId="4" fillId="0" borderId="30" xfId="0" applyFont="1" applyBorder="1" applyAlignment="1">
      <alignment horizontal="center" vertical="center"/>
    </xf>
    <xf numFmtId="0" fontId="4" fillId="0" borderId="17" xfId="0" applyFont="1" applyBorder="1" applyAlignment="1">
      <alignment horizontal="center" vertical="center"/>
    </xf>
    <xf numFmtId="0" fontId="12" fillId="0" borderId="0" xfId="0" applyFont="1" applyAlignment="1">
      <alignment horizontal="left" vertical="center" wrapText="1"/>
    </xf>
    <xf numFmtId="0" fontId="4" fillId="0" borderId="16" xfId="0" applyFont="1" applyBorder="1" applyAlignment="1">
      <alignment horizontal="center" vertical="center"/>
    </xf>
    <xf numFmtId="0" fontId="4" fillId="0" borderId="15" xfId="0" applyFont="1" applyBorder="1" applyAlignment="1">
      <alignment horizontal="center" vertical="center"/>
    </xf>
    <xf numFmtId="0" fontId="4" fillId="0" borderId="17" xfId="0" applyFont="1" applyBorder="1" applyAlignment="1">
      <alignment vertical="center" wrapText="1"/>
    </xf>
    <xf numFmtId="0" fontId="4" fillId="0" borderId="0" xfId="0" applyFont="1" applyAlignment="1">
      <alignment vertical="center" wrapText="1"/>
    </xf>
    <xf numFmtId="0" fontId="4" fillId="0" borderId="0" xfId="0" applyFont="1" applyAlignment="1">
      <alignment horizontal="left" vertical="center"/>
    </xf>
    <xf numFmtId="0" fontId="12" fillId="0" borderId="0" xfId="0" applyFont="1" applyAlignment="1">
      <alignment horizontal="left" vertical="center"/>
    </xf>
    <xf numFmtId="179" fontId="2" fillId="0" borderId="7" xfId="46" applyNumberFormat="1" applyFont="1" applyBorder="1" applyAlignment="1">
      <alignment horizontal="center" vertical="center"/>
    </xf>
    <xf numFmtId="179" fontId="2" fillId="0" borderId="5" xfId="46" applyNumberFormat="1" applyFont="1" applyBorder="1" applyAlignment="1">
      <alignment horizontal="center" vertical="center"/>
    </xf>
    <xf numFmtId="0" fontId="16" fillId="0" borderId="0" xfId="0" applyFont="1" applyAlignment="1">
      <alignment horizontal="left" vertical="center" wrapText="1"/>
    </xf>
    <xf numFmtId="0" fontId="17" fillId="0" borderId="0" xfId="0" applyFont="1" applyAlignment="1">
      <alignment horizontal="left" vertical="center" wrapText="1"/>
    </xf>
    <xf numFmtId="0" fontId="16" fillId="0" borderId="17" xfId="0" applyFont="1" applyBorder="1" applyAlignment="1">
      <alignment horizontal="left" vertical="center" wrapText="1"/>
    </xf>
    <xf numFmtId="0" fontId="16" fillId="0" borderId="27" xfId="0" applyFont="1" applyBorder="1" applyAlignment="1">
      <alignment horizontal="left" vertical="center" wrapText="1"/>
    </xf>
    <xf numFmtId="0" fontId="16" fillId="0" borderId="8" xfId="0" applyFont="1" applyBorder="1" applyAlignment="1">
      <alignment horizontal="center" vertical="center"/>
    </xf>
    <xf numFmtId="0" fontId="2" fillId="0" borderId="0" xfId="0" applyFont="1" applyAlignment="1">
      <alignment vertical="top"/>
    </xf>
    <xf numFmtId="0" fontId="11" fillId="0" borderId="7" xfId="0" applyFont="1" applyBorder="1" applyAlignment="1">
      <alignment horizontal="center" vertical="center"/>
    </xf>
    <xf numFmtId="0" fontId="2" fillId="0" borderId="25" xfId="0" applyFont="1" applyBorder="1" applyAlignment="1">
      <alignment horizontal="center" vertical="center"/>
    </xf>
    <xf numFmtId="0" fontId="4" fillId="0" borderId="5" xfId="0" applyFont="1" applyBorder="1" applyAlignment="1">
      <alignment horizontal="center" vertical="center"/>
    </xf>
    <xf numFmtId="0" fontId="4" fillId="0" borderId="5" xfId="0" applyFont="1" applyBorder="1" applyAlignment="1">
      <alignment horizontal="left" vertical="center"/>
    </xf>
    <xf numFmtId="0" fontId="2" fillId="0" borderId="29" xfId="0" applyFont="1" applyBorder="1"/>
    <xf numFmtId="0" fontId="13" fillId="0" borderId="0" xfId="0" applyFont="1" applyAlignment="1">
      <alignment vertical="top"/>
    </xf>
    <xf numFmtId="0" fontId="0" fillId="0" borderId="17" xfId="0" applyBorder="1"/>
    <xf numFmtId="0" fontId="24" fillId="0" borderId="5" xfId="50" applyBorder="1">
      <alignment vertical="center"/>
    </xf>
    <xf numFmtId="0" fontId="24" fillId="0" borderId="5" xfId="50" applyBorder="1" applyAlignment="1">
      <alignment horizontal="center" vertical="center" wrapText="1"/>
    </xf>
    <xf numFmtId="0" fontId="24" fillId="0" borderId="5" xfId="50" applyBorder="1" applyAlignment="1">
      <alignment horizontal="center" vertical="center"/>
    </xf>
    <xf numFmtId="176" fontId="24" fillId="0" borderId="5" xfId="50" applyNumberFormat="1" applyBorder="1" applyAlignment="1">
      <alignment horizontal="center" vertical="center"/>
    </xf>
    <xf numFmtId="177" fontId="0" fillId="0" borderId="5" xfId="30" applyNumberFormat="1" applyFont="1" applyFill="1" applyBorder="1" applyAlignment="1">
      <alignment horizontal="center" vertical="center"/>
    </xf>
    <xf numFmtId="0" fontId="24" fillId="0" borderId="4" xfId="50" applyBorder="1">
      <alignment vertical="center"/>
    </xf>
    <xf numFmtId="0" fontId="16" fillId="0" borderId="5" xfId="0" applyFont="1" applyBorder="1"/>
    <xf numFmtId="0" fontId="16" fillId="0" borderId="4" xfId="0" applyFont="1" applyBorder="1"/>
    <xf numFmtId="0" fontId="2" fillId="0" borderId="5" xfId="0" applyFont="1" applyBorder="1" applyAlignment="1">
      <alignment horizontal="right" vertical="center"/>
    </xf>
    <xf numFmtId="0" fontId="2" fillId="0" borderId="27" xfId="0" applyFont="1" applyBorder="1" applyAlignment="1">
      <alignment horizontal="left" vertical="center"/>
    </xf>
    <xf numFmtId="0" fontId="2" fillId="0" borderId="1" xfId="0" applyFont="1" applyBorder="1" applyAlignment="1">
      <alignment horizontal="left" vertical="center"/>
    </xf>
    <xf numFmtId="0" fontId="2" fillId="0" borderId="15" xfId="0" applyFont="1" applyBorder="1" applyAlignment="1">
      <alignment horizontal="left" vertical="center"/>
    </xf>
    <xf numFmtId="0" fontId="2" fillId="0" borderId="0" xfId="0" applyFont="1" applyBorder="1" applyAlignment="1">
      <alignment horizontal="left" vertical="center"/>
    </xf>
    <xf numFmtId="0" fontId="2" fillId="0" borderId="7" xfId="0" applyFont="1" applyBorder="1" applyAlignment="1">
      <alignment horizontal="center" vertical="center"/>
    </xf>
    <xf numFmtId="0" fontId="2" fillId="0" borderId="4" xfId="0" applyFont="1" applyBorder="1" applyAlignment="1">
      <alignment horizontal="center" vertical="center"/>
    </xf>
    <xf numFmtId="0" fontId="2" fillId="0" borderId="5" xfId="0" applyFont="1" applyBorder="1" applyAlignment="1">
      <alignment horizontal="center" vertical="center"/>
    </xf>
    <xf numFmtId="0" fontId="2" fillId="0" borderId="5" xfId="0" applyFont="1" applyBorder="1" applyAlignment="1">
      <alignment horizontal="left" vertical="center"/>
    </xf>
    <xf numFmtId="0" fontId="2" fillId="0" borderId="0" xfId="0" applyFont="1" applyAlignment="1">
      <alignment vertical="center" wrapText="1"/>
    </xf>
    <xf numFmtId="0" fontId="2" fillId="0" borderId="0" xfId="0" applyFont="1" applyAlignment="1">
      <alignment horizontal="center" vertical="center"/>
    </xf>
    <xf numFmtId="0" fontId="2" fillId="0" borderId="7" xfId="0" applyFont="1" applyBorder="1" applyAlignment="1">
      <alignment horizontal="left" vertical="center"/>
    </xf>
    <xf numFmtId="0" fontId="2" fillId="0" borderId="8" xfId="0" applyFont="1" applyBorder="1" applyAlignment="1">
      <alignment horizontal="left" vertical="center"/>
    </xf>
    <xf numFmtId="0" fontId="2" fillId="0" borderId="0" xfId="0" applyFont="1" applyAlignment="1">
      <alignment horizontal="left" vertical="center"/>
    </xf>
    <xf numFmtId="0" fontId="2" fillId="0" borderId="27" xfId="0" applyFont="1" applyBorder="1" applyAlignment="1">
      <alignment horizontal="center" vertical="center"/>
    </xf>
    <xf numFmtId="0" fontId="2" fillId="0" borderId="27" xfId="0" applyFont="1" applyBorder="1" applyAlignment="1">
      <alignment horizontal="left" vertical="center"/>
    </xf>
    <xf numFmtId="0" fontId="2" fillId="0" borderId="17" xfId="0" applyFont="1" applyBorder="1" applyAlignment="1">
      <alignment horizontal="left" vertical="center"/>
    </xf>
    <xf numFmtId="0" fontId="2" fillId="0" borderId="3" xfId="0" applyFont="1" applyBorder="1" applyAlignment="1">
      <alignment horizontal="left" vertical="center"/>
    </xf>
    <xf numFmtId="0" fontId="2" fillId="0" borderId="4" xfId="0" applyFont="1" applyBorder="1" applyAlignment="1">
      <alignment horizontal="left" vertical="center"/>
    </xf>
    <xf numFmtId="0" fontId="2" fillId="0" borderId="1" xfId="0" applyFont="1" applyBorder="1" applyAlignment="1">
      <alignment horizontal="left" vertical="center"/>
    </xf>
    <xf numFmtId="0" fontId="2" fillId="0" borderId="16" xfId="0" applyFont="1" applyBorder="1" applyAlignment="1">
      <alignment horizontal="left" vertical="center"/>
    </xf>
    <xf numFmtId="0" fontId="2" fillId="0" borderId="15" xfId="0" applyFont="1" applyBorder="1" applyAlignment="1">
      <alignment horizontal="left" vertical="center"/>
    </xf>
    <xf numFmtId="0" fontId="2" fillId="0" borderId="7" xfId="0" applyFont="1" applyBorder="1" applyAlignment="1">
      <alignment vertical="center"/>
    </xf>
    <xf numFmtId="0" fontId="2" fillId="0" borderId="0" xfId="0" applyFont="1" applyAlignment="1">
      <alignment horizontal="center" vertical="center"/>
    </xf>
    <xf numFmtId="0" fontId="2" fillId="0" borderId="2" xfId="0" applyFont="1" applyBorder="1" applyAlignment="1">
      <alignment horizontal="center" vertical="center"/>
    </xf>
    <xf numFmtId="0" fontId="2" fillId="0" borderId="6" xfId="0" applyFont="1" applyBorder="1" applyAlignment="1">
      <alignment horizontal="left" vertical="center"/>
    </xf>
    <xf numFmtId="0" fontId="2" fillId="0" borderId="7" xfId="0" applyFont="1" applyBorder="1" applyAlignment="1">
      <alignment horizontal="left" vertical="center"/>
    </xf>
    <xf numFmtId="0" fontId="2" fillId="0" borderId="8" xfId="0" applyFont="1" applyBorder="1" applyAlignment="1">
      <alignment horizontal="left" vertical="center"/>
    </xf>
    <xf numFmtId="0" fontId="2" fillId="0" borderId="5" xfId="0" applyFont="1" applyBorder="1" applyAlignment="1">
      <alignment horizontal="left" vertical="center" wrapText="1"/>
    </xf>
    <xf numFmtId="0" fontId="2" fillId="0" borderId="6" xfId="0" applyFont="1" applyBorder="1" applyAlignment="1">
      <alignment horizontal="center" vertical="center"/>
    </xf>
    <xf numFmtId="0" fontId="2" fillId="0" borderId="7" xfId="0" applyFont="1" applyBorder="1" applyAlignment="1">
      <alignment horizontal="center" vertical="center"/>
    </xf>
    <xf numFmtId="0" fontId="2" fillId="0" borderId="8" xfId="0" applyFont="1" applyBorder="1" applyAlignment="1">
      <alignment horizontal="center" vertical="center"/>
    </xf>
    <xf numFmtId="0" fontId="2" fillId="0" borderId="3" xfId="0" applyFont="1" applyBorder="1" applyAlignment="1">
      <alignment horizontal="center" vertical="center"/>
    </xf>
    <xf numFmtId="0" fontId="2" fillId="0" borderId="4" xfId="0" applyFont="1" applyBorder="1" applyAlignment="1">
      <alignment horizontal="center" vertical="center"/>
    </xf>
    <xf numFmtId="0" fontId="2" fillId="0" borderId="1" xfId="0" applyFont="1" applyBorder="1" applyAlignment="1">
      <alignment horizontal="center" vertical="center"/>
    </xf>
    <xf numFmtId="0" fontId="2" fillId="0" borderId="16" xfId="0" applyFont="1" applyBorder="1" applyAlignment="1">
      <alignment horizontal="center" vertical="center"/>
    </xf>
    <xf numFmtId="0" fontId="2" fillId="0" borderId="5" xfId="0" applyFont="1" applyBorder="1" applyAlignment="1">
      <alignment horizontal="center" vertical="center"/>
    </xf>
    <xf numFmtId="0" fontId="2" fillId="0" borderId="15" xfId="0" applyFont="1" applyBorder="1" applyAlignment="1">
      <alignment horizontal="center" vertical="center"/>
    </xf>
    <xf numFmtId="0" fontId="2" fillId="0" borderId="0" xfId="0" applyFont="1" applyAlignment="1">
      <alignment horizontal="left" vertical="center" wrapText="1"/>
    </xf>
    <xf numFmtId="0" fontId="2" fillId="0" borderId="0" xfId="0" applyFont="1" applyAlignment="1">
      <alignment horizontal="center" vertical="top"/>
    </xf>
    <xf numFmtId="0" fontId="2" fillId="0" borderId="3" xfId="0" applyFont="1" applyBorder="1" applyAlignment="1">
      <alignment horizontal="left" vertical="top"/>
    </xf>
    <xf numFmtId="0" fontId="2" fillId="0" borderId="4" xfId="0" applyFont="1" applyBorder="1" applyAlignment="1">
      <alignment horizontal="left" vertical="top"/>
    </xf>
    <xf numFmtId="0" fontId="2" fillId="0" borderId="1" xfId="0" applyFont="1" applyBorder="1" applyAlignment="1">
      <alignment horizontal="left" vertical="top"/>
    </xf>
    <xf numFmtId="0" fontId="2" fillId="0" borderId="17" xfId="0" applyFont="1" applyBorder="1" applyAlignment="1">
      <alignment horizontal="left" vertical="top"/>
    </xf>
    <xf numFmtId="0" fontId="2" fillId="0" borderId="0" xfId="0" applyFont="1" applyAlignment="1">
      <alignment horizontal="left" vertical="top"/>
    </xf>
    <xf numFmtId="0" fontId="2" fillId="0" borderId="27" xfId="0" applyFont="1" applyBorder="1" applyAlignment="1">
      <alignment horizontal="left" vertical="top"/>
    </xf>
    <xf numFmtId="0" fontId="2" fillId="0" borderId="16" xfId="0" applyFont="1" applyBorder="1" applyAlignment="1">
      <alignment horizontal="left" vertical="top"/>
    </xf>
    <xf numFmtId="0" fontId="2" fillId="0" borderId="5" xfId="0" applyFont="1" applyBorder="1" applyAlignment="1">
      <alignment horizontal="left" vertical="top"/>
    </xf>
    <xf numFmtId="0" fontId="2" fillId="0" borderId="15" xfId="0" applyFont="1" applyBorder="1" applyAlignment="1">
      <alignment horizontal="left" vertical="top"/>
    </xf>
    <xf numFmtId="0" fontId="2" fillId="0" borderId="0" xfId="0" applyFont="1" applyAlignment="1">
      <alignment horizontal="center"/>
    </xf>
    <xf numFmtId="0" fontId="2" fillId="0" borderId="0" xfId="0" applyFont="1" applyAlignment="1">
      <alignment horizontal="center" vertical="top" wrapText="1"/>
    </xf>
    <xf numFmtId="0" fontId="2" fillId="0" borderId="27" xfId="0" applyFont="1" applyBorder="1" applyAlignment="1">
      <alignment horizontal="center" vertical="top" wrapText="1"/>
    </xf>
    <xf numFmtId="0" fontId="2" fillId="0" borderId="17" xfId="0" applyFont="1" applyBorder="1" applyAlignment="1">
      <alignment horizontal="center" vertical="center"/>
    </xf>
    <xf numFmtId="0" fontId="2" fillId="0" borderId="27" xfId="0" applyFont="1" applyBorder="1" applyAlignment="1">
      <alignment horizontal="center" vertical="center"/>
    </xf>
    <xf numFmtId="0" fontId="2" fillId="0" borderId="3" xfId="0" applyFont="1" applyBorder="1" applyAlignment="1">
      <alignment horizontal="left" vertical="center"/>
    </xf>
    <xf numFmtId="0" fontId="2" fillId="0" borderId="4" xfId="0" applyFont="1" applyBorder="1" applyAlignment="1">
      <alignment horizontal="left" vertical="center"/>
    </xf>
    <xf numFmtId="0" fontId="2" fillId="0" borderId="1" xfId="0" applyFont="1" applyBorder="1" applyAlignment="1">
      <alignment horizontal="left" vertical="center"/>
    </xf>
    <xf numFmtId="0" fontId="2" fillId="0" borderId="16" xfId="0" applyFont="1" applyBorder="1" applyAlignment="1">
      <alignment horizontal="left" vertical="center"/>
    </xf>
    <xf numFmtId="0" fontId="2" fillId="0" borderId="5" xfId="0" applyFont="1" applyBorder="1" applyAlignment="1">
      <alignment horizontal="left" vertical="center"/>
    </xf>
    <xf numFmtId="0" fontId="2" fillId="0" borderId="15" xfId="0" applyFont="1" applyBorder="1" applyAlignment="1">
      <alignment horizontal="left" vertical="center"/>
    </xf>
    <xf numFmtId="0" fontId="2" fillId="0" borderId="30" xfId="0" applyFont="1" applyBorder="1" applyAlignment="1">
      <alignment horizontal="center" vertical="center"/>
    </xf>
    <xf numFmtId="0" fontId="4" fillId="0" borderId="0" xfId="0" applyFont="1" applyAlignment="1">
      <alignment horizontal="left" wrapText="1"/>
    </xf>
    <xf numFmtId="0" fontId="2" fillId="0" borderId="5" xfId="0" applyFont="1" applyBorder="1" applyAlignment="1">
      <alignment vertical="center" wrapText="1"/>
    </xf>
    <xf numFmtId="0" fontId="2" fillId="0" borderId="15" xfId="0" applyFont="1" applyBorder="1" applyAlignment="1">
      <alignment vertical="center" wrapText="1"/>
    </xf>
    <xf numFmtId="0" fontId="13" fillId="0" borderId="2" xfId="0" applyFont="1" applyBorder="1" applyAlignment="1">
      <alignment horizontal="center" vertical="center"/>
    </xf>
    <xf numFmtId="1" fontId="2" fillId="4" borderId="6" xfId="0" applyNumberFormat="1" applyFont="1" applyFill="1" applyBorder="1" applyAlignment="1">
      <alignment horizontal="center" vertical="center"/>
    </xf>
    <xf numFmtId="1" fontId="2" fillId="4" borderId="7" xfId="0" applyNumberFormat="1" applyFont="1" applyFill="1" applyBorder="1" applyAlignment="1">
      <alignment horizontal="center" vertical="center"/>
    </xf>
    <xf numFmtId="0" fontId="13" fillId="0" borderId="6" xfId="0" applyFont="1" applyBorder="1" applyAlignment="1">
      <alignment horizontal="center" vertical="center"/>
    </xf>
    <xf numFmtId="0" fontId="13" fillId="0" borderId="30" xfId="0" applyFont="1" applyBorder="1" applyAlignment="1">
      <alignment horizontal="center" vertical="center"/>
    </xf>
    <xf numFmtId="0" fontId="2" fillId="0" borderId="0" xfId="0" applyFont="1" applyAlignment="1">
      <alignment vertical="center" wrapText="1"/>
    </xf>
    <xf numFmtId="0" fontId="2" fillId="0" borderId="0" xfId="0" applyFont="1" applyAlignment="1">
      <alignment horizontal="center" vertical="center" wrapText="1"/>
    </xf>
    <xf numFmtId="0" fontId="13" fillId="0" borderId="8" xfId="0" applyFont="1" applyBorder="1" applyAlignment="1">
      <alignment horizontal="center" vertical="center"/>
    </xf>
    <xf numFmtId="0" fontId="2" fillId="0" borderId="3" xfId="0" applyFont="1" applyBorder="1" applyAlignment="1">
      <alignment horizontal="center" vertical="center" wrapText="1"/>
    </xf>
    <xf numFmtId="0" fontId="2" fillId="0" borderId="4" xfId="0" applyFont="1" applyBorder="1" applyAlignment="1">
      <alignment horizontal="center" vertical="center" wrapText="1"/>
    </xf>
    <xf numFmtId="0" fontId="2" fillId="0" borderId="1" xfId="0" applyFont="1" applyBorder="1" applyAlignment="1">
      <alignment horizontal="center" vertical="center" wrapText="1"/>
    </xf>
    <xf numFmtId="0" fontId="2" fillId="0" borderId="17" xfId="0" applyFont="1" applyBorder="1" applyAlignment="1">
      <alignment horizontal="center" vertical="center" wrapText="1"/>
    </xf>
    <xf numFmtId="0" fontId="2" fillId="0" borderId="27" xfId="0" applyFont="1" applyBorder="1" applyAlignment="1">
      <alignment horizontal="center" vertical="center" wrapText="1"/>
    </xf>
    <xf numFmtId="0" fontId="2" fillId="0" borderId="16" xfId="0" applyFont="1" applyBorder="1" applyAlignment="1">
      <alignment horizontal="center" vertical="center" wrapText="1"/>
    </xf>
    <xf numFmtId="0" fontId="2" fillId="0" borderId="5" xfId="0" applyFont="1" applyBorder="1" applyAlignment="1">
      <alignment horizontal="center" vertical="center" wrapText="1"/>
    </xf>
    <xf numFmtId="0" fontId="2" fillId="0" borderId="15" xfId="0" applyFont="1" applyBorder="1" applyAlignment="1">
      <alignment horizontal="center" vertical="center" wrapText="1"/>
    </xf>
    <xf numFmtId="0" fontId="2" fillId="0" borderId="2" xfId="0" applyFont="1" applyBorder="1" applyAlignment="1">
      <alignment horizontal="left" vertical="center" wrapText="1"/>
    </xf>
    <xf numFmtId="0" fontId="2" fillId="0" borderId="2" xfId="0" applyFont="1" applyBorder="1" applyAlignment="1">
      <alignment horizontal="left" vertical="center"/>
    </xf>
    <xf numFmtId="0" fontId="6" fillId="0" borderId="6" xfId="0" applyFont="1" applyBorder="1" applyAlignment="1">
      <alignment horizontal="left" vertical="center"/>
    </xf>
    <xf numFmtId="0" fontId="6" fillId="0" borderId="7" xfId="0" applyFont="1" applyBorder="1" applyAlignment="1">
      <alignment horizontal="left" vertical="center"/>
    </xf>
    <xf numFmtId="0" fontId="6" fillId="0" borderId="8" xfId="0" applyFont="1" applyBorder="1" applyAlignment="1">
      <alignment horizontal="left" vertical="center"/>
    </xf>
    <xf numFmtId="0" fontId="2" fillId="0" borderId="3" xfId="0" applyFont="1" applyBorder="1" applyAlignment="1">
      <alignment horizontal="left" vertical="center" wrapText="1"/>
    </xf>
    <xf numFmtId="0" fontId="2" fillId="0" borderId="4" xfId="0" applyFont="1" applyBorder="1" applyAlignment="1">
      <alignment horizontal="left" vertical="center" wrapText="1"/>
    </xf>
    <xf numFmtId="0" fontId="2" fillId="0" borderId="1" xfId="0" applyFont="1" applyBorder="1" applyAlignment="1">
      <alignment horizontal="left" vertical="center" wrapText="1"/>
    </xf>
    <xf numFmtId="0" fontId="2" fillId="0" borderId="17" xfId="0" applyFont="1" applyBorder="1" applyAlignment="1">
      <alignment horizontal="left" vertical="center" wrapText="1"/>
    </xf>
    <xf numFmtId="0" fontId="2" fillId="0" borderId="27" xfId="0" applyFont="1" applyBorder="1" applyAlignment="1">
      <alignment horizontal="left" vertical="center" wrapText="1"/>
    </xf>
    <xf numFmtId="0" fontId="2" fillId="0" borderId="16" xfId="0" applyFont="1" applyBorder="1" applyAlignment="1">
      <alignment horizontal="left" vertical="center" wrapText="1"/>
    </xf>
    <xf numFmtId="0" fontId="2" fillId="0" borderId="15" xfId="0" applyFont="1" applyBorder="1" applyAlignment="1">
      <alignment horizontal="left" vertical="center" wrapText="1"/>
    </xf>
    <xf numFmtId="0" fontId="4" fillId="0" borderId="3" xfId="0" applyFont="1" applyBorder="1" applyAlignment="1">
      <alignment wrapText="1"/>
    </xf>
    <xf numFmtId="0" fontId="4" fillId="0" borderId="4" xfId="0" applyFont="1" applyBorder="1" applyAlignment="1">
      <alignment wrapText="1"/>
    </xf>
    <xf numFmtId="0" fontId="4" fillId="0" borderId="1" xfId="0" applyFont="1" applyBorder="1" applyAlignment="1">
      <alignment wrapText="1"/>
    </xf>
    <xf numFmtId="0" fontId="4" fillId="0" borderId="17" xfId="0" applyFont="1" applyBorder="1" applyAlignment="1">
      <alignment horizontal="left" vertical="top" wrapText="1"/>
    </xf>
    <xf numFmtId="0" fontId="4" fillId="0" borderId="0" xfId="0" applyFont="1" applyAlignment="1">
      <alignment horizontal="left" vertical="top" wrapText="1"/>
    </xf>
    <xf numFmtId="0" fontId="4" fillId="0" borderId="27" xfId="0" applyFont="1" applyBorder="1" applyAlignment="1">
      <alignment horizontal="left" vertical="top" wrapText="1"/>
    </xf>
    <xf numFmtId="0" fontId="4" fillId="0" borderId="17" xfId="0" applyFont="1" applyBorder="1" applyAlignment="1">
      <alignment vertical="top" wrapText="1"/>
    </xf>
    <xf numFmtId="0" fontId="4" fillId="0" borderId="0" xfId="0" applyFont="1" applyAlignment="1">
      <alignment vertical="top" wrapText="1"/>
    </xf>
    <xf numFmtId="0" fontId="4" fillId="0" borderId="27" xfId="0" applyFont="1" applyBorder="1" applyAlignment="1">
      <alignment vertical="top" wrapText="1"/>
    </xf>
    <xf numFmtId="0" fontId="4" fillId="0" borderId="16" xfId="0" applyFont="1" applyBorder="1" applyAlignment="1">
      <alignment vertical="top" wrapText="1"/>
    </xf>
    <xf numFmtId="0" fontId="4" fillId="0" borderId="5" xfId="0" applyFont="1" applyBorder="1" applyAlignment="1">
      <alignment vertical="top" wrapText="1"/>
    </xf>
    <xf numFmtId="0" fontId="4" fillId="0" borderId="15" xfId="0" applyFont="1" applyBorder="1" applyAlignment="1">
      <alignment vertical="top" wrapText="1"/>
    </xf>
    <xf numFmtId="0" fontId="6" fillId="0" borderId="7" xfId="0" applyFont="1" applyBorder="1" applyAlignment="1">
      <alignment horizontal="left" vertical="center" wrapText="1"/>
    </xf>
    <xf numFmtId="0" fontId="6" fillId="0" borderId="6" xfId="0" applyFont="1" applyBorder="1" applyAlignment="1">
      <alignment vertical="center" wrapText="1"/>
    </xf>
    <xf numFmtId="0" fontId="6" fillId="0" borderId="7" xfId="0" applyFont="1" applyBorder="1" applyAlignment="1">
      <alignment vertical="center" wrapText="1"/>
    </xf>
    <xf numFmtId="0" fontId="6" fillId="0" borderId="6" xfId="0" applyFont="1" applyBorder="1" applyAlignment="1">
      <alignment horizontal="left" vertical="center" wrapText="1"/>
    </xf>
    <xf numFmtId="0" fontId="12" fillId="0" borderId="0" xfId="0" applyFont="1" applyAlignment="1">
      <alignment horizontal="center" vertical="top"/>
    </xf>
    <xf numFmtId="0" fontId="12" fillId="0" borderId="0" xfId="0" applyFont="1" applyAlignment="1">
      <alignment vertical="top" wrapText="1"/>
    </xf>
    <xf numFmtId="0" fontId="13" fillId="0" borderId="4" xfId="0" applyFont="1" applyBorder="1" applyAlignment="1">
      <alignment horizontal="center" vertical="center" shrinkToFit="1"/>
    </xf>
    <xf numFmtId="0" fontId="13" fillId="0" borderId="1" xfId="0" applyFont="1" applyBorder="1" applyAlignment="1">
      <alignment horizontal="center" vertical="center" shrinkToFit="1"/>
    </xf>
    <xf numFmtId="0" fontId="2" fillId="0" borderId="6" xfId="0" applyFont="1" applyBorder="1" applyAlignment="1">
      <alignment vertical="center"/>
    </xf>
    <xf numFmtId="0" fontId="2" fillId="0" borderId="7" xfId="0" applyFont="1" applyBorder="1" applyAlignment="1">
      <alignment vertical="center"/>
    </xf>
    <xf numFmtId="0" fontId="2" fillId="0" borderId="16" xfId="0" applyFont="1" applyBorder="1" applyAlignment="1">
      <alignment vertical="center"/>
    </xf>
    <xf numFmtId="0" fontId="2" fillId="0" borderId="5" xfId="0" applyFont="1" applyBorder="1" applyAlignment="1">
      <alignment vertical="center"/>
    </xf>
    <xf numFmtId="0" fontId="6" fillId="0" borderId="8" xfId="0" applyFont="1" applyBorder="1" applyAlignment="1">
      <alignment horizontal="left" vertical="center" wrapText="1"/>
    </xf>
    <xf numFmtId="0" fontId="6" fillId="0" borderId="16" xfId="0" applyFont="1" applyBorder="1" applyAlignment="1">
      <alignment horizontal="left" vertical="center" wrapText="1"/>
    </xf>
    <xf numFmtId="0" fontId="6" fillId="0" borderId="5" xfId="0" applyFont="1" applyBorder="1" applyAlignment="1">
      <alignment horizontal="left" vertical="center" wrapText="1"/>
    </xf>
    <xf numFmtId="0" fontId="2" fillId="0" borderId="30" xfId="0" applyFont="1" applyBorder="1" applyAlignment="1">
      <alignment vertical="center"/>
    </xf>
    <xf numFmtId="0" fontId="2" fillId="0" borderId="2" xfId="0" applyFont="1" applyBorder="1" applyAlignment="1">
      <alignment vertical="center"/>
    </xf>
    <xf numFmtId="0" fontId="12" fillId="0" borderId="0" xfId="0" applyFont="1" applyAlignment="1">
      <alignment horizontal="center" vertical="top" wrapText="1"/>
    </xf>
    <xf numFmtId="0" fontId="6" fillId="0" borderId="8" xfId="0" applyFont="1" applyBorder="1" applyAlignment="1">
      <alignment vertical="center" wrapText="1"/>
    </xf>
    <xf numFmtId="0" fontId="2" fillId="0" borderId="17" xfId="0" applyFont="1" applyBorder="1" applyAlignment="1">
      <alignment horizontal="left" vertical="center"/>
    </xf>
    <xf numFmtId="0" fontId="2" fillId="0" borderId="0" xfId="0" applyFont="1" applyAlignment="1">
      <alignment horizontal="left" vertical="center"/>
    </xf>
    <xf numFmtId="0" fontId="2" fillId="0" borderId="27" xfId="0" applyFont="1" applyBorder="1" applyAlignment="1">
      <alignment horizontal="left" vertical="center"/>
    </xf>
    <xf numFmtId="0" fontId="2" fillId="0" borderId="7" xfId="0" applyFont="1" applyBorder="1" applyAlignment="1">
      <alignment horizontal="center" vertical="center" wrapText="1"/>
    </xf>
    <xf numFmtId="0" fontId="4" fillId="0" borderId="3" xfId="0" applyFont="1" applyBorder="1" applyAlignment="1">
      <alignment vertical="center" wrapText="1"/>
    </xf>
    <xf numFmtId="0" fontId="4" fillId="0" borderId="4" xfId="0" applyFont="1" applyBorder="1" applyAlignment="1">
      <alignment vertical="center" wrapText="1"/>
    </xf>
    <xf numFmtId="0" fontId="4" fillId="0" borderId="1" xfId="0" applyFont="1" applyBorder="1" applyAlignment="1">
      <alignment vertical="center" wrapText="1"/>
    </xf>
    <xf numFmtId="0" fontId="4" fillId="0" borderId="17" xfId="0" applyFont="1" applyBorder="1" applyAlignment="1">
      <alignment horizontal="left" vertical="center" wrapText="1"/>
    </xf>
    <xf numFmtId="0" fontId="4" fillId="0" borderId="0" xfId="0" applyFont="1" applyAlignment="1">
      <alignment horizontal="left" vertical="center" wrapText="1"/>
    </xf>
    <xf numFmtId="0" fontId="4" fillId="0" borderId="27" xfId="0" applyFont="1" applyBorder="1" applyAlignment="1">
      <alignment horizontal="left" vertical="center" wrapText="1"/>
    </xf>
    <xf numFmtId="0" fontId="4" fillId="0" borderId="16" xfId="0" applyFont="1" applyBorder="1" applyAlignment="1">
      <alignment vertical="center" wrapText="1"/>
    </xf>
    <xf numFmtId="0" fontId="4" fillId="0" borderId="5" xfId="0" applyFont="1" applyBorder="1" applyAlignment="1">
      <alignment vertical="center" wrapText="1"/>
    </xf>
    <xf numFmtId="0" fontId="4" fillId="0" borderId="15" xfId="0" applyFont="1" applyBorder="1" applyAlignment="1">
      <alignment vertical="center" wrapText="1"/>
    </xf>
    <xf numFmtId="0" fontId="13" fillId="0" borderId="4" xfId="0" applyFont="1" applyBorder="1" applyAlignment="1">
      <alignment horizontal="left" vertical="center" wrapText="1"/>
    </xf>
    <xf numFmtId="0" fontId="6" fillId="0" borderId="2" xfId="0" applyFont="1" applyBorder="1" applyAlignment="1">
      <alignment vertical="center" wrapText="1"/>
    </xf>
    <xf numFmtId="0" fontId="40" fillId="0" borderId="0" xfId="0" applyFont="1" applyAlignment="1">
      <alignment horizontal="center" vertical="top" wrapText="1"/>
    </xf>
    <xf numFmtId="0" fontId="40" fillId="0" borderId="0" xfId="0" applyFont="1" applyAlignment="1">
      <alignment horizontal="center" vertical="top"/>
    </xf>
    <xf numFmtId="0" fontId="40" fillId="0" borderId="0" xfId="0" applyFont="1" applyAlignment="1">
      <alignment vertical="top" wrapText="1"/>
    </xf>
    <xf numFmtId="0" fontId="2" fillId="0" borderId="2" xfId="0" applyFont="1" applyBorder="1" applyAlignment="1">
      <alignment horizontal="left" vertical="center" indent="1"/>
    </xf>
    <xf numFmtId="0" fontId="2" fillId="0" borderId="6" xfId="0" applyFont="1" applyBorder="1" applyAlignment="1">
      <alignment horizontal="left" vertical="center" indent="1"/>
    </xf>
    <xf numFmtId="0" fontId="2" fillId="0" borderId="7" xfId="0" applyFont="1" applyBorder="1" applyAlignment="1">
      <alignment horizontal="left" vertical="center" indent="1"/>
    </xf>
    <xf numFmtId="0" fontId="2" fillId="0" borderId="8" xfId="0" applyFont="1" applyBorder="1" applyAlignment="1">
      <alignment horizontal="left" vertical="center" indent="1"/>
    </xf>
    <xf numFmtId="0" fontId="2" fillId="0" borderId="3" xfId="0" applyFont="1" applyBorder="1" applyAlignment="1">
      <alignment vertical="center"/>
    </xf>
    <xf numFmtId="0" fontId="2" fillId="0" borderId="4" xfId="0" applyFont="1" applyBorder="1" applyAlignment="1">
      <alignment vertical="center"/>
    </xf>
    <xf numFmtId="0" fontId="2" fillId="0" borderId="1" xfId="0" applyFont="1" applyBorder="1" applyAlignment="1">
      <alignment vertical="center"/>
    </xf>
    <xf numFmtId="0" fontId="2" fillId="0" borderId="15" xfId="0" applyFont="1" applyBorder="1" applyAlignment="1">
      <alignment vertical="center"/>
    </xf>
    <xf numFmtId="0" fontId="2" fillId="0" borderId="8" xfId="0" applyFont="1" applyBorder="1" applyAlignment="1">
      <alignment vertical="center"/>
    </xf>
    <xf numFmtId="0" fontId="4" fillId="0" borderId="0" xfId="0" applyFont="1" applyAlignment="1">
      <alignment horizontal="center" vertical="center"/>
    </xf>
    <xf numFmtId="0" fontId="2" fillId="0" borderId="6" xfId="0" applyFont="1" applyBorder="1" applyAlignment="1">
      <alignment horizontal="left" vertical="center" wrapText="1"/>
    </xf>
    <xf numFmtId="0" fontId="2" fillId="0" borderId="7" xfId="0" applyFont="1" applyBorder="1" applyAlignment="1">
      <alignment horizontal="left" vertical="center" wrapText="1"/>
    </xf>
    <xf numFmtId="0" fontId="2" fillId="0" borderId="8" xfId="0" applyFont="1" applyBorder="1" applyAlignment="1">
      <alignment horizontal="left" vertical="center" wrapText="1"/>
    </xf>
    <xf numFmtId="0" fontId="2" fillId="0" borderId="6" xfId="0" applyFont="1" applyBorder="1" applyAlignment="1">
      <alignment horizontal="left" vertical="top"/>
    </xf>
    <xf numFmtId="0" fontId="2" fillId="0" borderId="7" xfId="0" applyFont="1" applyBorder="1" applyAlignment="1">
      <alignment horizontal="left" vertical="top"/>
    </xf>
    <xf numFmtId="0" fontId="2" fillId="0" borderId="8" xfId="0" applyFont="1" applyBorder="1" applyAlignment="1">
      <alignment horizontal="left" vertical="top"/>
    </xf>
    <xf numFmtId="0" fontId="4" fillId="0" borderId="2" xfId="0" applyFont="1" applyBorder="1" applyAlignment="1">
      <alignment horizontal="center" vertical="center" wrapText="1"/>
    </xf>
    <xf numFmtId="0" fontId="4" fillId="0" borderId="2" xfId="0" applyFont="1" applyBorder="1" applyAlignment="1">
      <alignment horizontal="center" vertical="center"/>
    </xf>
    <xf numFmtId="0" fontId="7" fillId="0" borderId="0" xfId="0" applyFont="1" applyAlignment="1">
      <alignment horizontal="center" vertical="center" wrapText="1"/>
    </xf>
    <xf numFmtId="0" fontId="12" fillId="0" borderId="2" xfId="0" applyFont="1" applyBorder="1" applyAlignment="1">
      <alignment horizontal="center" vertical="center" wrapText="1"/>
    </xf>
    <xf numFmtId="0" fontId="12" fillId="0" borderId="2" xfId="0" applyFont="1" applyBorder="1" applyAlignment="1">
      <alignment horizontal="center" vertical="center"/>
    </xf>
    <xf numFmtId="0" fontId="12" fillId="0" borderId="3" xfId="0" applyFont="1" applyBorder="1" applyAlignment="1">
      <alignment horizontal="center" vertical="center" wrapText="1"/>
    </xf>
    <xf numFmtId="0" fontId="12" fillId="0" borderId="4" xfId="0" applyFont="1" applyBorder="1" applyAlignment="1">
      <alignment horizontal="center" vertical="center"/>
    </xf>
    <xf numFmtId="0" fontId="12" fillId="0" borderId="1" xfId="0" applyFont="1" applyBorder="1" applyAlignment="1">
      <alignment horizontal="center" vertical="center"/>
    </xf>
    <xf numFmtId="0" fontId="12" fillId="0" borderId="17" xfId="0" applyFont="1" applyBorder="1" applyAlignment="1">
      <alignment horizontal="center" vertical="center"/>
    </xf>
    <xf numFmtId="0" fontId="12" fillId="0" borderId="0" xfId="0" applyFont="1" applyAlignment="1">
      <alignment horizontal="center" vertical="center"/>
    </xf>
    <xf numFmtId="0" fontId="12" fillId="0" borderId="27" xfId="0" applyFont="1" applyBorder="1" applyAlignment="1">
      <alignment horizontal="center" vertical="center"/>
    </xf>
    <xf numFmtId="0" fontId="12" fillId="0" borderId="16" xfId="0" applyFont="1" applyBorder="1" applyAlignment="1">
      <alignment horizontal="center" vertical="center"/>
    </xf>
    <xf numFmtId="0" fontId="12" fillId="0" borderId="5" xfId="0" applyFont="1" applyBorder="1" applyAlignment="1">
      <alignment horizontal="center" vertical="center"/>
    </xf>
    <xf numFmtId="0" fontId="12" fillId="0" borderId="15" xfId="0" applyFont="1" applyBorder="1" applyAlignment="1">
      <alignment horizontal="center" vertical="center"/>
    </xf>
    <xf numFmtId="0" fontId="41" fillId="0" borderId="0" xfId="50" applyFont="1" applyAlignment="1">
      <alignment horizontal="center" vertical="center"/>
    </xf>
    <xf numFmtId="0" fontId="24" fillId="34" borderId="28" xfId="50" applyFill="1" applyBorder="1" applyAlignment="1">
      <alignment horizontal="center" vertical="center" shrinkToFit="1"/>
    </xf>
    <xf numFmtId="0" fontId="24" fillId="34" borderId="39" xfId="50" applyFill="1" applyBorder="1" applyAlignment="1">
      <alignment horizontal="center" vertical="center" shrinkToFit="1"/>
    </xf>
    <xf numFmtId="0" fontId="24" fillId="0" borderId="2" xfId="50" applyBorder="1" applyAlignment="1">
      <alignment horizontal="center" vertical="center"/>
    </xf>
    <xf numFmtId="0" fontId="24" fillId="0" borderId="6" xfId="50" applyBorder="1" applyAlignment="1">
      <alignment horizontal="center" vertical="center" wrapText="1"/>
    </xf>
    <xf numFmtId="0" fontId="24" fillId="0" borderId="7" xfId="50" applyBorder="1" applyAlignment="1">
      <alignment horizontal="center" vertical="center" wrapText="1"/>
    </xf>
    <xf numFmtId="0" fontId="24" fillId="0" borderId="8" xfId="50" applyBorder="1" applyAlignment="1">
      <alignment horizontal="center" vertical="center" wrapText="1"/>
    </xf>
    <xf numFmtId="0" fontId="24" fillId="0" borderId="2" xfId="50" applyBorder="1" applyAlignment="1">
      <alignment horizontal="center" vertical="center" wrapText="1"/>
    </xf>
    <xf numFmtId="0" fontId="24" fillId="0" borderId="6" xfId="50" applyBorder="1" applyAlignment="1">
      <alignment horizontal="center" vertical="center"/>
    </xf>
    <xf numFmtId="0" fontId="24" fillId="0" borderId="7" xfId="50" applyBorder="1" applyAlignment="1">
      <alignment horizontal="center" vertical="center"/>
    </xf>
    <xf numFmtId="0" fontId="24" fillId="0" borderId="8" xfId="50" applyBorder="1" applyAlignment="1">
      <alignment horizontal="center" vertical="center"/>
    </xf>
    <xf numFmtId="0" fontId="24" fillId="34" borderId="6" xfId="50" applyFill="1" applyBorder="1" applyAlignment="1">
      <alignment horizontal="center" vertical="center"/>
    </xf>
    <xf numFmtId="0" fontId="24" fillId="34" borderId="7" xfId="50" applyFill="1" applyBorder="1" applyAlignment="1">
      <alignment horizontal="center" vertical="center"/>
    </xf>
    <xf numFmtId="0" fontId="24" fillId="34" borderId="2" xfId="50" applyFill="1" applyBorder="1" applyAlignment="1">
      <alignment horizontal="center" vertical="center"/>
    </xf>
    <xf numFmtId="176" fontId="24" fillId="0" borderId="6" xfId="50" applyNumberFormat="1" applyBorder="1" applyAlignment="1">
      <alignment horizontal="center" vertical="center"/>
    </xf>
    <xf numFmtId="176" fontId="24" fillId="0" borderId="7" xfId="50" applyNumberFormat="1" applyBorder="1" applyAlignment="1">
      <alignment horizontal="center" vertical="center"/>
    </xf>
    <xf numFmtId="177" fontId="8" fillId="35" borderId="6" xfId="30" applyNumberFormat="1" applyFont="1" applyFill="1" applyBorder="1" applyAlignment="1">
      <alignment horizontal="center" vertical="center"/>
    </xf>
    <xf numFmtId="177" fontId="8" fillId="35" borderId="7" xfId="30" applyNumberFormat="1" applyFont="1" applyFill="1" applyBorder="1" applyAlignment="1">
      <alignment horizontal="center" vertical="center"/>
    </xf>
    <xf numFmtId="177" fontId="8" fillId="35" borderId="8" xfId="30" applyNumberFormat="1" applyFont="1" applyFill="1" applyBorder="1" applyAlignment="1">
      <alignment horizontal="center" vertical="center"/>
    </xf>
    <xf numFmtId="0" fontId="24" fillId="0" borderId="0" xfId="50" applyAlignment="1">
      <alignment horizontal="left" vertical="center"/>
    </xf>
    <xf numFmtId="1" fontId="2" fillId="0" borderId="6" xfId="0" applyNumberFormat="1" applyFont="1" applyBorder="1" applyAlignment="1">
      <alignment horizontal="center" vertical="center"/>
    </xf>
    <xf numFmtId="1" fontId="2" fillId="0" borderId="7" xfId="0" applyNumberFormat="1" applyFont="1" applyBorder="1" applyAlignment="1">
      <alignment horizontal="center" vertical="center"/>
    </xf>
    <xf numFmtId="0" fontId="39" fillId="0" borderId="0" xfId="50" applyFont="1" applyAlignment="1">
      <alignment horizontal="left" vertical="center"/>
    </xf>
    <xf numFmtId="0" fontId="4" fillId="0" borderId="2" xfId="0" applyFont="1" applyBorder="1" applyAlignment="1">
      <alignment horizontal="left" vertical="center" shrinkToFit="1"/>
    </xf>
    <xf numFmtId="0" fontId="12" fillId="0" borderId="2" xfId="0" applyFont="1" applyBorder="1" applyAlignment="1">
      <alignment horizontal="left" vertical="center" shrinkToFit="1"/>
    </xf>
    <xf numFmtId="0" fontId="2" fillId="0" borderId="0" xfId="0" applyFont="1" applyAlignment="1">
      <alignment horizontal="left" vertical="center" shrinkToFit="1"/>
    </xf>
    <xf numFmtId="0" fontId="2" fillId="0" borderId="6" xfId="0" applyFont="1" applyBorder="1" applyAlignment="1">
      <alignment horizontal="right" vertical="center"/>
    </xf>
    <xf numFmtId="0" fontId="2" fillId="0" borderId="7" xfId="0" applyFont="1" applyBorder="1" applyAlignment="1">
      <alignment horizontal="right" vertical="center"/>
    </xf>
    <xf numFmtId="0" fontId="2" fillId="0" borderId="8" xfId="0" applyFont="1" applyBorder="1" applyAlignment="1">
      <alignment horizontal="right" vertical="center"/>
    </xf>
    <xf numFmtId="0" fontId="12" fillId="0" borderId="0" xfId="0" applyFont="1" applyAlignment="1">
      <alignment horizontal="left" vertical="center" shrinkToFit="1"/>
    </xf>
    <xf numFmtId="0" fontId="2" fillId="0" borderId="2" xfId="0" applyFont="1" applyBorder="1" applyAlignment="1">
      <alignment horizontal="center" vertical="center" wrapText="1"/>
    </xf>
    <xf numFmtId="0" fontId="6" fillId="0" borderId="2" xfId="0" applyFont="1" applyBorder="1" applyAlignment="1">
      <alignment horizontal="center" vertical="center"/>
    </xf>
    <xf numFmtId="0" fontId="2" fillId="0" borderId="25" xfId="0" applyFont="1" applyBorder="1" applyAlignment="1">
      <alignment horizontal="center" vertical="center" wrapText="1"/>
    </xf>
    <xf numFmtId="0" fontId="2" fillId="0" borderId="8" xfId="0" applyFont="1" applyBorder="1" applyAlignment="1">
      <alignment horizontal="center" vertical="center" wrapText="1"/>
    </xf>
    <xf numFmtId="38" fontId="2" fillId="0" borderId="2" xfId="36" applyFont="1" applyFill="1" applyBorder="1" applyAlignment="1">
      <alignment horizontal="center" vertical="center"/>
    </xf>
    <xf numFmtId="38" fontId="2" fillId="0" borderId="2" xfId="36" applyFont="1" applyFill="1" applyBorder="1" applyAlignment="1">
      <alignment horizontal="center" vertical="center" wrapText="1"/>
    </xf>
    <xf numFmtId="179" fontId="2" fillId="0" borderId="4" xfId="46" applyNumberFormat="1" applyFont="1" applyBorder="1" applyAlignment="1">
      <alignment horizontal="center" vertical="center"/>
    </xf>
    <xf numFmtId="179" fontId="2" fillId="0" borderId="5" xfId="46" applyNumberFormat="1" applyFont="1" applyBorder="1" applyAlignment="1">
      <alignment horizontal="center" vertical="center"/>
    </xf>
    <xf numFmtId="179" fontId="2" fillId="0" borderId="1" xfId="46" applyNumberFormat="1" applyFont="1" applyBorder="1" applyAlignment="1">
      <alignment horizontal="center" vertical="center"/>
    </xf>
    <xf numFmtId="179" fontId="2" fillId="0" borderId="15" xfId="46" applyNumberFormat="1" applyFont="1" applyBorder="1" applyAlignment="1">
      <alignment horizontal="center" vertical="center"/>
    </xf>
    <xf numFmtId="0" fontId="12" fillId="0" borderId="0" xfId="0" applyFont="1" applyAlignment="1">
      <alignment horizontal="left" vertical="center"/>
    </xf>
    <xf numFmtId="179" fontId="2" fillId="0" borderId="6" xfId="46" applyNumberFormat="1" applyFont="1" applyBorder="1" applyAlignment="1">
      <alignment horizontal="center" vertical="center"/>
    </xf>
    <xf numFmtId="179" fontId="2" fillId="0" borderId="7" xfId="46" applyNumberFormat="1" applyFont="1" applyBorder="1" applyAlignment="1">
      <alignment horizontal="center" vertical="center"/>
    </xf>
    <xf numFmtId="0" fontId="12" fillId="0" borderId="0" xfId="0" applyFont="1" applyAlignment="1">
      <alignment horizontal="left" vertical="top" wrapText="1"/>
    </xf>
    <xf numFmtId="0" fontId="16" fillId="0" borderId="6" xfId="0" applyFont="1" applyBorder="1" applyAlignment="1">
      <alignment horizontal="center" vertical="center"/>
    </xf>
    <xf numFmtId="0" fontId="16" fillId="0" borderId="7" xfId="0" applyFont="1" applyBorder="1" applyAlignment="1">
      <alignment horizontal="center" vertical="center"/>
    </xf>
    <xf numFmtId="0" fontId="16" fillId="0" borderId="2" xfId="0" applyFont="1" applyBorder="1" applyAlignment="1">
      <alignment horizontal="center" vertical="center"/>
    </xf>
    <xf numFmtId="0" fontId="16" fillId="0" borderId="6" xfId="0" applyFont="1" applyBorder="1" applyAlignment="1">
      <alignment horizontal="left" vertical="center"/>
    </xf>
    <xf numFmtId="0" fontId="16" fillId="0" borderId="7" xfId="0" applyFont="1" applyBorder="1" applyAlignment="1">
      <alignment horizontal="left" vertical="center"/>
    </xf>
    <xf numFmtId="0" fontId="16" fillId="0" borderId="8" xfId="0" applyFont="1" applyBorder="1" applyAlignment="1">
      <alignment horizontal="left" vertical="center"/>
    </xf>
    <xf numFmtId="0" fontId="16" fillId="0" borderId="8" xfId="0" applyFont="1" applyBorder="1" applyAlignment="1">
      <alignment horizontal="center" vertical="center"/>
    </xf>
    <xf numFmtId="0" fontId="16" fillId="0" borderId="17" xfId="0" applyFont="1" applyBorder="1" applyAlignment="1">
      <alignment horizontal="left" vertical="center" wrapText="1"/>
    </xf>
    <xf numFmtId="0" fontId="16" fillId="0" borderId="0" xfId="0" applyFont="1" applyAlignment="1">
      <alignment horizontal="left" vertical="center" wrapText="1"/>
    </xf>
    <xf numFmtId="0" fontId="16" fillId="0" borderId="27" xfId="0" applyFont="1" applyBorder="1" applyAlignment="1">
      <alignment horizontal="left" vertical="center" wrapText="1"/>
    </xf>
    <xf numFmtId="0" fontId="17" fillId="0" borderId="6" xfId="0" applyFont="1" applyBorder="1" applyAlignment="1">
      <alignment horizontal="left" vertical="center" wrapText="1" indent="1"/>
    </xf>
    <xf numFmtId="0" fontId="17" fillId="0" borderId="7" xfId="0" applyFont="1" applyBorder="1" applyAlignment="1">
      <alignment horizontal="left" vertical="center" wrapText="1" indent="1"/>
    </xf>
    <xf numFmtId="0" fontId="17" fillId="0" borderId="8" xfId="0" applyFont="1" applyBorder="1" applyAlignment="1">
      <alignment horizontal="left" vertical="center" wrapText="1" indent="1"/>
    </xf>
    <xf numFmtId="0" fontId="17" fillId="0" borderId="0" xfId="0" applyFont="1" applyAlignment="1">
      <alignment horizontal="left" vertical="center" wrapText="1"/>
    </xf>
    <xf numFmtId="0" fontId="17" fillId="0" borderId="6" xfId="0" applyFont="1" applyBorder="1" applyAlignment="1">
      <alignment horizontal="center" vertical="center"/>
    </xf>
    <xf numFmtId="0" fontId="17" fillId="0" borderId="7" xfId="0" applyFont="1" applyBorder="1" applyAlignment="1">
      <alignment horizontal="center" vertical="center"/>
    </xf>
    <xf numFmtId="0" fontId="17" fillId="0" borderId="8" xfId="0" applyFont="1" applyBorder="1" applyAlignment="1">
      <alignment horizontal="center" vertical="center"/>
    </xf>
    <xf numFmtId="0" fontId="17" fillId="0" borderId="7" xfId="0" applyFont="1" applyBorder="1" applyAlignment="1">
      <alignment horizontal="center" vertical="center" wrapText="1"/>
    </xf>
    <xf numFmtId="0" fontId="4" fillId="0" borderId="6" xfId="0" applyFont="1" applyBorder="1" applyAlignment="1">
      <alignment horizontal="left" vertical="center" wrapText="1" indent="1"/>
    </xf>
    <xf numFmtId="0" fontId="4" fillId="0" borderId="7" xfId="0" applyFont="1" applyBorder="1" applyAlignment="1">
      <alignment horizontal="left" vertical="center" wrapText="1" indent="1"/>
    </xf>
    <xf numFmtId="0" fontId="4" fillId="0" borderId="8" xfId="0" applyFont="1" applyBorder="1" applyAlignment="1">
      <alignment horizontal="left" vertical="center" wrapText="1" indent="1"/>
    </xf>
    <xf numFmtId="0" fontId="13" fillId="0" borderId="0" xfId="0" applyFont="1" applyAlignment="1">
      <alignment horizontal="left" vertical="center" wrapText="1"/>
    </xf>
    <xf numFmtId="0" fontId="4" fillId="0" borderId="6" xfId="0" applyFont="1" applyBorder="1" applyAlignment="1">
      <alignment horizontal="center" vertical="center"/>
    </xf>
    <xf numFmtId="0" fontId="4" fillId="0" borderId="7" xfId="0" applyFont="1" applyBorder="1" applyAlignment="1">
      <alignment horizontal="center" vertical="center"/>
    </xf>
    <xf numFmtId="0" fontId="4" fillId="0" borderId="8" xfId="0" applyFont="1" applyBorder="1" applyAlignment="1">
      <alignment horizontal="center" vertical="center"/>
    </xf>
    <xf numFmtId="0" fontId="4" fillId="0" borderId="7" xfId="0" applyFont="1" applyBorder="1" applyAlignment="1">
      <alignment horizontal="center" vertical="center" wrapText="1"/>
    </xf>
    <xf numFmtId="0" fontId="2" fillId="0" borderId="0" xfId="0" applyFont="1" applyAlignment="1">
      <alignment horizontal="left" vertical="top" wrapText="1"/>
    </xf>
    <xf numFmtId="0" fontId="4" fillId="0" borderId="6" xfId="0" applyFont="1" applyBorder="1" applyAlignment="1">
      <alignment horizontal="left" vertical="center" wrapText="1"/>
    </xf>
    <xf numFmtId="0" fontId="4" fillId="0" borderId="7" xfId="0" applyFont="1" applyBorder="1" applyAlignment="1">
      <alignment horizontal="left" vertical="center" wrapText="1"/>
    </xf>
    <xf numFmtId="0" fontId="4" fillId="0" borderId="8" xfId="0" applyFont="1" applyBorder="1" applyAlignment="1">
      <alignment horizontal="left" vertical="center" wrapText="1"/>
    </xf>
    <xf numFmtId="0" fontId="2" fillId="0" borderId="27" xfId="0" applyFont="1" applyBorder="1" applyAlignment="1">
      <alignment vertical="center" wrapText="1"/>
    </xf>
    <xf numFmtId="0" fontId="11" fillId="0" borderId="6" xfId="0" applyFont="1" applyBorder="1" applyAlignment="1">
      <alignment horizontal="center" vertical="center"/>
    </xf>
    <xf numFmtId="0" fontId="11" fillId="0" borderId="7" xfId="0" applyFont="1" applyBorder="1" applyAlignment="1">
      <alignment horizontal="center" vertical="center"/>
    </xf>
    <xf numFmtId="0" fontId="11" fillId="0" borderId="8" xfId="0" applyFont="1" applyBorder="1" applyAlignment="1">
      <alignment horizontal="center" vertical="center"/>
    </xf>
    <xf numFmtId="0" fontId="2" fillId="0" borderId="6" xfId="0" applyFont="1" applyBorder="1" applyAlignment="1">
      <alignment vertical="top" wrapText="1"/>
    </xf>
    <xf numFmtId="0" fontId="2" fillId="0" borderId="7" xfId="0" applyFont="1" applyBorder="1" applyAlignment="1">
      <alignment vertical="top" wrapText="1"/>
    </xf>
    <xf numFmtId="0" fontId="2" fillId="0" borderId="8" xfId="0" applyFont="1" applyBorder="1" applyAlignment="1">
      <alignment vertical="top" wrapText="1"/>
    </xf>
    <xf numFmtId="0" fontId="2" fillId="0" borderId="0" xfId="0" applyFont="1" applyAlignment="1">
      <alignment vertical="top" wrapText="1"/>
    </xf>
    <xf numFmtId="0" fontId="2" fillId="0" borderId="0" xfId="0" applyFont="1" applyAlignment="1">
      <alignment vertical="top"/>
    </xf>
    <xf numFmtId="0" fontId="2" fillId="0" borderId="6" xfId="0" applyFont="1" applyBorder="1" applyAlignment="1">
      <alignment horizontal="left"/>
    </xf>
    <xf numFmtId="0" fontId="2" fillId="0" borderId="7" xfId="0" applyFont="1" applyBorder="1" applyAlignment="1">
      <alignment horizontal="left"/>
    </xf>
    <xf numFmtId="0" fontId="2" fillId="0" borderId="8" xfId="0" applyFont="1" applyBorder="1" applyAlignment="1">
      <alignment horizontal="left"/>
    </xf>
    <xf numFmtId="0" fontId="2" fillId="0" borderId="27" xfId="0" applyFont="1" applyBorder="1" applyAlignment="1">
      <alignment horizontal="left" vertical="top" wrapText="1"/>
    </xf>
    <xf numFmtId="0" fontId="12" fillId="0" borderId="7" xfId="0" applyFont="1" applyBorder="1" applyAlignment="1">
      <alignment vertical="center" wrapText="1"/>
    </xf>
    <xf numFmtId="0" fontId="12" fillId="0" borderId="8" xfId="0" applyFont="1" applyBorder="1" applyAlignment="1">
      <alignment vertical="center" wrapText="1"/>
    </xf>
    <xf numFmtId="0" fontId="12" fillId="0" borderId="7" xfId="0" applyFont="1" applyBorder="1" applyAlignment="1">
      <alignment horizontal="left" vertical="center" wrapText="1"/>
    </xf>
    <xf numFmtId="0" fontId="12" fillId="0" borderId="8" xfId="0" applyFont="1" applyBorder="1" applyAlignment="1">
      <alignment horizontal="left" vertical="center" wrapText="1"/>
    </xf>
    <xf numFmtId="0" fontId="12" fillId="0" borderId="4" xfId="0" applyFont="1" applyBorder="1" applyAlignment="1">
      <alignment horizontal="center" vertical="center" wrapText="1"/>
    </xf>
    <xf numFmtId="0" fontId="12" fillId="0" borderId="1" xfId="0" applyFont="1" applyBorder="1" applyAlignment="1">
      <alignment horizontal="center" vertical="center" wrapText="1"/>
    </xf>
    <xf numFmtId="0" fontId="12" fillId="0" borderId="0" xfId="0" applyFont="1" applyAlignment="1">
      <alignment horizontal="center" vertical="center" wrapText="1"/>
    </xf>
    <xf numFmtId="0" fontId="12" fillId="0" borderId="27" xfId="0" applyFont="1" applyBorder="1" applyAlignment="1">
      <alignment horizontal="center" vertical="center" wrapText="1"/>
    </xf>
    <xf numFmtId="0" fontId="12" fillId="0" borderId="5" xfId="0" applyFont="1" applyBorder="1" applyAlignment="1">
      <alignment horizontal="center" vertical="center" wrapText="1"/>
    </xf>
    <xf numFmtId="0" fontId="12" fillId="0" borderId="15" xfId="0" applyFont="1" applyBorder="1" applyAlignment="1">
      <alignment horizontal="center" vertical="center" wrapText="1"/>
    </xf>
    <xf numFmtId="0" fontId="12" fillId="0" borderId="5" xfId="0" applyFont="1" applyBorder="1" applyAlignment="1">
      <alignment horizontal="left" vertical="center" wrapText="1"/>
    </xf>
    <xf numFmtId="0" fontId="12" fillId="0" borderId="15" xfId="0" applyFont="1" applyBorder="1" applyAlignment="1">
      <alignment horizontal="left" vertical="center" wrapText="1"/>
    </xf>
    <xf numFmtId="0" fontId="12" fillId="0" borderId="4" xfId="0" applyFont="1" applyBorder="1" applyAlignment="1">
      <alignment horizontal="left" vertical="center" wrapText="1"/>
    </xf>
    <xf numFmtId="0" fontId="12" fillId="0" borderId="0" xfId="0" applyFont="1" applyAlignment="1">
      <alignment horizontal="left" vertical="center" wrapText="1"/>
    </xf>
    <xf numFmtId="0" fontId="2" fillId="0" borderId="4" xfId="0" applyFont="1" applyBorder="1" applyAlignment="1">
      <alignment horizontal="left" vertical="top" wrapText="1"/>
    </xf>
    <xf numFmtId="0" fontId="2" fillId="0" borderId="25" xfId="0" applyFont="1" applyBorder="1" applyAlignment="1">
      <alignment horizontal="center" vertical="center"/>
    </xf>
    <xf numFmtId="0" fontId="10" fillId="0" borderId="3" xfId="0" applyFont="1" applyBorder="1" applyAlignment="1">
      <alignment horizontal="left" vertical="center" wrapText="1"/>
    </xf>
    <xf numFmtId="0" fontId="10" fillId="0" borderId="4" xfId="0" applyFont="1" applyBorder="1" applyAlignment="1">
      <alignment horizontal="left" vertical="center" wrapText="1"/>
    </xf>
    <xf numFmtId="0" fontId="10" fillId="0" borderId="1" xfId="0" applyFont="1" applyBorder="1" applyAlignment="1">
      <alignment horizontal="left" vertical="center" wrapText="1"/>
    </xf>
    <xf numFmtId="0" fontId="10" fillId="0" borderId="17" xfId="0" applyFont="1" applyBorder="1" applyAlignment="1">
      <alignment horizontal="left" vertical="center"/>
    </xf>
    <xf numFmtId="0" fontId="10" fillId="0" borderId="0" xfId="0" applyFont="1" applyAlignment="1">
      <alignment horizontal="left" vertical="center"/>
    </xf>
    <xf numFmtId="0" fontId="10" fillId="0" borderId="27" xfId="0" applyFont="1" applyBorder="1" applyAlignment="1">
      <alignment horizontal="left" vertical="center"/>
    </xf>
    <xf numFmtId="0" fontId="4" fillId="0" borderId="5" xfId="0" applyFont="1" applyBorder="1" applyAlignment="1">
      <alignment horizontal="center" vertical="center" wrapText="1"/>
    </xf>
    <xf numFmtId="0" fontId="4" fillId="0" borderId="5" xfId="0" applyFont="1" applyBorder="1" applyAlignment="1">
      <alignment horizontal="left" vertical="center" wrapText="1"/>
    </xf>
    <xf numFmtId="0" fontId="4" fillId="0" borderId="15" xfId="0" applyFont="1" applyBorder="1" applyAlignment="1">
      <alignment horizontal="left" vertical="center" wrapText="1"/>
    </xf>
    <xf numFmtId="0" fontId="2" fillId="0" borderId="6" xfId="0" applyFont="1" applyBorder="1" applyAlignment="1">
      <alignment horizontal="center" vertical="center" wrapText="1"/>
    </xf>
    <xf numFmtId="0" fontId="4" fillId="0" borderId="0" xfId="0" applyFont="1" applyAlignment="1">
      <alignment horizontal="center" vertical="center" wrapText="1"/>
    </xf>
    <xf numFmtId="0" fontId="4" fillId="0" borderId="5" xfId="0" applyFont="1" applyBorder="1" applyAlignment="1">
      <alignment horizontal="center" vertical="center"/>
    </xf>
    <xf numFmtId="0" fontId="4" fillId="0" borderId="5" xfId="0" applyFont="1" applyBorder="1" applyAlignment="1">
      <alignment horizontal="left" vertical="center"/>
    </xf>
    <xf numFmtId="0" fontId="4" fillId="0" borderId="15" xfId="0" applyFont="1" applyBorder="1" applyAlignment="1">
      <alignment horizontal="left" vertical="center"/>
    </xf>
    <xf numFmtId="0" fontId="4" fillId="0" borderId="2" xfId="0" applyFont="1" applyBorder="1" applyAlignment="1">
      <alignment horizontal="left" vertical="center" wrapText="1" indent="1"/>
    </xf>
    <xf numFmtId="0" fontId="4" fillId="0" borderId="2" xfId="0" applyFont="1" applyBorder="1" applyAlignment="1">
      <alignment horizontal="left" vertical="center" indent="1"/>
    </xf>
    <xf numFmtId="0" fontId="4" fillId="0" borderId="16" xfId="0" applyFont="1" applyBorder="1" applyAlignment="1">
      <alignment horizontal="center" vertical="center"/>
    </xf>
    <xf numFmtId="0" fontId="4" fillId="0" borderId="15" xfId="0" applyFont="1" applyBorder="1" applyAlignment="1">
      <alignment horizontal="center" vertical="center"/>
    </xf>
    <xf numFmtId="0" fontId="4" fillId="0" borderId="16" xfId="0" applyFont="1" applyBorder="1" applyAlignment="1">
      <alignment horizontal="left" vertical="center" wrapText="1" indent="1"/>
    </xf>
    <xf numFmtId="0" fontId="4" fillId="0" borderId="5" xfId="0" applyFont="1" applyBorder="1" applyAlignment="1">
      <alignment horizontal="left" vertical="center" wrapText="1" indent="1"/>
    </xf>
    <xf numFmtId="0" fontId="4" fillId="0" borderId="15" xfId="0" applyFont="1" applyBorder="1" applyAlignment="1">
      <alignment horizontal="left" vertical="center" wrapText="1" indent="1"/>
    </xf>
    <xf numFmtId="0" fontId="2" fillId="0" borderId="25" xfId="0" applyFont="1" applyBorder="1" applyAlignment="1">
      <alignment horizontal="center" vertical="center" textRotation="255" wrapText="1"/>
    </xf>
    <xf numFmtId="0" fontId="2" fillId="0" borderId="29" xfId="0" applyFont="1" applyBorder="1" applyAlignment="1">
      <alignment horizontal="center" vertical="center" textRotation="255" wrapText="1"/>
    </xf>
    <xf numFmtId="0" fontId="2" fillId="0" borderId="30" xfId="0" applyFont="1" applyBorder="1" applyAlignment="1">
      <alignment horizontal="center" vertical="center" textRotation="255" wrapText="1"/>
    </xf>
    <xf numFmtId="0" fontId="0" fillId="0" borderId="4" xfId="0" applyBorder="1" applyAlignment="1">
      <alignment horizontal="left" vertical="center" wrapText="1"/>
    </xf>
    <xf numFmtId="0" fontId="2" fillId="0" borderId="3" xfId="0" applyFont="1" applyBorder="1" applyAlignment="1">
      <alignment horizontal="justify" vertical="center" wrapText="1"/>
    </xf>
    <xf numFmtId="0" fontId="2" fillId="0" borderId="4" xfId="0" applyFont="1" applyBorder="1" applyAlignment="1">
      <alignment horizontal="justify" vertical="center" wrapText="1"/>
    </xf>
    <xf numFmtId="0" fontId="2" fillId="0" borderId="1" xfId="0" applyFont="1" applyBorder="1" applyAlignment="1">
      <alignment horizontal="justify" vertical="center" wrapText="1"/>
    </xf>
    <xf numFmtId="0" fontId="2" fillId="0" borderId="17" xfId="0" applyFont="1" applyBorder="1" applyAlignment="1">
      <alignment horizontal="justify" vertical="center" wrapText="1"/>
    </xf>
    <xf numFmtId="0" fontId="2" fillId="0" borderId="0" xfId="0" applyFont="1" applyAlignment="1">
      <alignment horizontal="justify" vertical="center" wrapText="1"/>
    </xf>
    <xf numFmtId="0" fontId="2" fillId="0" borderId="27" xfId="0" applyFont="1" applyBorder="1" applyAlignment="1">
      <alignment horizontal="justify" vertical="center" wrapText="1"/>
    </xf>
    <xf numFmtId="0" fontId="2" fillId="0" borderId="35" xfId="0" applyFont="1" applyBorder="1" applyAlignment="1">
      <alignment horizontal="justify" vertical="center" wrapText="1"/>
    </xf>
    <xf numFmtId="0" fontId="2" fillId="0" borderId="33" xfId="0" applyFont="1" applyBorder="1" applyAlignment="1">
      <alignment horizontal="justify" vertical="center" wrapText="1"/>
    </xf>
    <xf numFmtId="0" fontId="2" fillId="0" borderId="34" xfId="0" applyFont="1" applyBorder="1" applyAlignment="1">
      <alignment horizontal="justify" vertical="center" wrapText="1"/>
    </xf>
    <xf numFmtId="0" fontId="2" fillId="0" borderId="2" xfId="0" applyFont="1" applyBorder="1" applyAlignment="1">
      <alignment horizontal="left" wrapText="1"/>
    </xf>
    <xf numFmtId="0" fontId="0" fillId="0" borderId="2" xfId="0" applyBorder="1" applyAlignment="1">
      <alignment horizontal="left" wrapText="1"/>
    </xf>
    <xf numFmtId="0" fontId="0" fillId="0" borderId="6" xfId="0" applyBorder="1" applyAlignment="1">
      <alignment horizontal="left" wrapText="1"/>
    </xf>
    <xf numFmtId="0" fontId="2" fillId="0" borderId="7" xfId="0" applyFont="1" applyBorder="1" applyAlignment="1">
      <alignment horizontal="center" wrapText="1"/>
    </xf>
    <xf numFmtId="0" fontId="2" fillId="0" borderId="8" xfId="0" applyFont="1" applyBorder="1" applyAlignment="1">
      <alignment horizontal="center" wrapText="1"/>
    </xf>
    <xf numFmtId="0" fontId="2" fillId="0" borderId="6" xfId="0" applyFont="1" applyBorder="1" applyAlignment="1">
      <alignment horizontal="left" shrinkToFit="1"/>
    </xf>
    <xf numFmtId="0" fontId="2" fillId="0" borderId="7" xfId="0" applyFont="1" applyBorder="1" applyAlignment="1">
      <alignment horizontal="left" shrinkToFit="1"/>
    </xf>
    <xf numFmtId="0" fontId="2" fillId="0" borderId="8" xfId="0" applyFont="1" applyBorder="1" applyAlignment="1">
      <alignment horizontal="left" shrinkToFit="1"/>
    </xf>
    <xf numFmtId="0" fontId="2" fillId="0" borderId="7" xfId="0" applyFont="1" applyBorder="1" applyAlignment="1">
      <alignment horizontal="justify" wrapText="1"/>
    </xf>
    <xf numFmtId="0" fontId="2" fillId="0" borderId="25" xfId="0" applyFont="1" applyBorder="1" applyAlignment="1">
      <alignment horizontal="center" vertical="center" textRotation="255" shrinkToFit="1"/>
    </xf>
    <xf numFmtId="0" fontId="2" fillId="0" borderId="29" xfId="0" applyFont="1" applyBorder="1" applyAlignment="1">
      <alignment horizontal="center" vertical="center" textRotation="255" shrinkToFit="1"/>
    </xf>
    <xf numFmtId="0" fontId="2" fillId="0" borderId="30" xfId="0" applyFont="1" applyBorder="1" applyAlignment="1">
      <alignment horizontal="center" vertical="center" textRotation="255" shrinkToFit="1"/>
    </xf>
    <xf numFmtId="0" fontId="2" fillId="0" borderId="12" xfId="0" applyFont="1" applyBorder="1" applyAlignment="1">
      <alignment horizontal="justify" vertical="center" wrapText="1"/>
    </xf>
    <xf numFmtId="0" fontId="2" fillId="0" borderId="13" xfId="0" applyFont="1" applyBorder="1" applyAlignment="1">
      <alignment horizontal="justify" vertical="center" wrapText="1"/>
    </xf>
    <xf numFmtId="0" fontId="2" fillId="0" borderId="14" xfId="0" applyFont="1" applyBorder="1" applyAlignment="1">
      <alignment horizontal="justify" vertical="center" wrapText="1"/>
    </xf>
    <xf numFmtId="0" fontId="4" fillId="0" borderId="2" xfId="0" applyFont="1" applyBorder="1" applyAlignment="1">
      <alignment horizontal="left" vertical="center" wrapText="1"/>
    </xf>
    <xf numFmtId="0" fontId="0" fillId="0" borderId="2" xfId="0" applyBorder="1" applyAlignment="1">
      <alignment horizontal="left" vertical="center" wrapText="1"/>
    </xf>
    <xf numFmtId="0" fontId="2" fillId="0" borderId="25" xfId="0" applyFont="1" applyBorder="1" applyAlignment="1">
      <alignment horizontal="left" vertical="center" wrapText="1"/>
    </xf>
    <xf numFmtId="0" fontId="0" fillId="0" borderId="25" xfId="0" applyBorder="1" applyAlignment="1">
      <alignment horizontal="left" vertical="center" wrapText="1"/>
    </xf>
    <xf numFmtId="0" fontId="2" fillId="0" borderId="2" xfId="0" applyFont="1" applyBorder="1" applyAlignment="1">
      <alignment horizontal="center" wrapText="1"/>
    </xf>
    <xf numFmtId="0" fontId="2" fillId="0" borderId="3" xfId="0" applyFont="1" applyBorder="1" applyAlignment="1">
      <alignment horizontal="center" shrinkToFit="1"/>
    </xf>
    <xf numFmtId="0" fontId="2" fillId="0" borderId="4" xfId="0" applyFont="1" applyBorder="1" applyAlignment="1">
      <alignment horizontal="center" shrinkToFit="1"/>
    </xf>
    <xf numFmtId="0" fontId="2" fillId="0" borderId="1" xfId="0" applyFont="1" applyBorder="1" applyAlignment="1">
      <alignment horizontal="center" shrinkToFit="1"/>
    </xf>
    <xf numFmtId="0" fontId="2" fillId="0" borderId="16" xfId="0" applyFont="1" applyBorder="1" applyAlignment="1">
      <alignment horizontal="center"/>
    </xf>
    <xf numFmtId="0" fontId="2" fillId="0" borderId="5" xfId="0" applyFont="1" applyBorder="1" applyAlignment="1">
      <alignment horizontal="center"/>
    </xf>
    <xf numFmtId="0" fontId="2" fillId="0" borderId="15" xfId="0" applyFont="1" applyBorder="1" applyAlignment="1">
      <alignment horizontal="center"/>
    </xf>
    <xf numFmtId="0" fontId="2" fillId="0" borderId="16" xfId="0" applyFont="1" applyBorder="1" applyAlignment="1">
      <alignment horizontal="center" shrinkToFit="1"/>
    </xf>
    <xf numFmtId="0" fontId="2" fillId="0" borderId="5" xfId="0" applyFont="1" applyBorder="1" applyAlignment="1">
      <alignment horizontal="center" shrinkToFit="1"/>
    </xf>
    <xf numFmtId="0" fontId="2" fillId="0" borderId="15" xfId="0" applyFont="1" applyBorder="1" applyAlignment="1">
      <alignment horizontal="center" shrinkToFit="1"/>
    </xf>
    <xf numFmtId="0" fontId="2" fillId="0" borderId="32" xfId="0" applyFont="1" applyBorder="1" applyAlignment="1">
      <alignment horizontal="left" vertical="top"/>
    </xf>
    <xf numFmtId="0" fontId="0" fillId="0" borderId="7" xfId="0" applyBorder="1" applyAlignment="1">
      <alignment horizontal="left" vertical="top"/>
    </xf>
    <xf numFmtId="0" fontId="0" fillId="0" borderId="32" xfId="0" applyBorder="1" applyAlignment="1">
      <alignment horizontal="left" vertical="top"/>
    </xf>
    <xf numFmtId="0" fontId="0" fillId="0" borderId="4" xfId="0" applyBorder="1" applyAlignment="1">
      <alignment horizontal="left" vertical="top"/>
    </xf>
    <xf numFmtId="0" fontId="0" fillId="0" borderId="36" xfId="0" applyBorder="1" applyAlignment="1">
      <alignment horizontal="left" vertical="top"/>
    </xf>
    <xf numFmtId="0" fontId="2" fillId="0" borderId="20" xfId="0" applyFont="1" applyBorder="1" applyAlignment="1">
      <alignment horizontal="center" wrapText="1"/>
    </xf>
    <xf numFmtId="0" fontId="2" fillId="0" borderId="1" xfId="0" applyFont="1" applyBorder="1" applyAlignment="1">
      <alignment horizontal="center" wrapText="1"/>
    </xf>
    <xf numFmtId="0" fontId="2" fillId="0" borderId="38" xfId="0" applyFont="1" applyBorder="1" applyAlignment="1">
      <alignment horizontal="center" wrapText="1"/>
    </xf>
    <xf numFmtId="0" fontId="2" fillId="0" borderId="27" xfId="0" applyFont="1" applyBorder="1" applyAlignment="1">
      <alignment horizontal="center" wrapText="1"/>
    </xf>
    <xf numFmtId="0" fontId="2" fillId="0" borderId="3" xfId="0" applyFont="1" applyBorder="1" applyAlignment="1">
      <alignment horizontal="left"/>
    </xf>
    <xf numFmtId="0" fontId="2" fillId="0" borderId="4" xfId="0" applyFont="1" applyBorder="1" applyAlignment="1">
      <alignment horizontal="left"/>
    </xf>
    <xf numFmtId="0" fontId="2" fillId="0" borderId="1" xfId="0" applyFont="1" applyBorder="1" applyAlignment="1">
      <alignment horizontal="left"/>
    </xf>
    <xf numFmtId="0" fontId="2" fillId="0" borderId="3" xfId="0" applyFont="1" applyBorder="1" applyAlignment="1">
      <alignment horizontal="center"/>
    </xf>
    <xf numFmtId="0" fontId="2" fillId="0" borderId="4" xfId="0" applyFont="1" applyBorder="1" applyAlignment="1">
      <alignment horizontal="center"/>
    </xf>
    <xf numFmtId="0" fontId="2" fillId="0" borderId="1" xfId="0" applyFont="1" applyBorder="1" applyAlignment="1">
      <alignment horizontal="center"/>
    </xf>
    <xf numFmtId="0" fontId="2" fillId="0" borderId="3" xfId="0" applyFont="1" applyBorder="1" applyAlignment="1">
      <alignment horizontal="left" vertical="top" wrapText="1"/>
    </xf>
    <xf numFmtId="0" fontId="2" fillId="0" borderId="17" xfId="0" applyFont="1" applyBorder="1" applyAlignment="1">
      <alignment horizontal="left" vertical="top" wrapText="1"/>
    </xf>
    <xf numFmtId="0" fontId="2" fillId="0" borderId="23" xfId="0" applyFont="1" applyBorder="1" applyAlignment="1">
      <alignment horizontal="left" vertical="top"/>
    </xf>
    <xf numFmtId="0" fontId="2" fillId="0" borderId="37" xfId="0" applyFont="1" applyBorder="1" applyAlignment="1">
      <alignment horizontal="left" vertical="top"/>
    </xf>
    <xf numFmtId="0" fontId="2" fillId="0" borderId="2" xfId="0" applyFont="1" applyBorder="1" applyAlignment="1">
      <alignment horizontal="left" shrinkToFit="1"/>
    </xf>
    <xf numFmtId="0" fontId="2" fillId="0" borderId="6" xfId="0" applyFont="1" applyBorder="1" applyAlignment="1">
      <alignment horizontal="center" wrapText="1"/>
    </xf>
    <xf numFmtId="0" fontId="2" fillId="0" borderId="5" xfId="0" applyFont="1" applyBorder="1" applyAlignment="1">
      <alignment horizontal="center" wrapText="1"/>
    </xf>
    <xf numFmtId="0" fontId="2" fillId="0" borderId="15" xfId="0" applyFont="1" applyBorder="1" applyAlignment="1">
      <alignment horizontal="center" wrapText="1"/>
    </xf>
    <xf numFmtId="0" fontId="2" fillId="0" borderId="3" xfId="0" applyFont="1" applyBorder="1" applyAlignment="1">
      <alignment horizontal="center" wrapText="1"/>
    </xf>
    <xf numFmtId="0" fontId="2" fillId="0" borderId="4" xfId="0" applyFont="1" applyBorder="1" applyAlignment="1">
      <alignment horizontal="center" wrapText="1"/>
    </xf>
    <xf numFmtId="0" fontId="2" fillId="0" borderId="17" xfId="0" applyFont="1" applyBorder="1" applyAlignment="1">
      <alignment horizontal="center" wrapText="1"/>
    </xf>
    <xf numFmtId="0" fontId="2" fillId="0" borderId="0" xfId="0" applyFont="1" applyAlignment="1">
      <alignment horizontal="center" wrapText="1"/>
    </xf>
    <xf numFmtId="0" fontId="2" fillId="0" borderId="16" xfId="0" applyFont="1" applyBorder="1" applyAlignment="1">
      <alignment horizontal="center" wrapText="1"/>
    </xf>
    <xf numFmtId="0" fontId="2" fillId="0" borderId="0" xfId="0" applyFont="1" applyFill="1" applyAlignment="1">
      <alignment horizontal="left" vertical="center"/>
    </xf>
    <xf numFmtId="0" fontId="0" fillId="0" borderId="0" xfId="0" applyFont="1" applyFill="1"/>
    <xf numFmtId="0" fontId="0" fillId="0" borderId="0" xfId="0" applyFont="1" applyFill="1" applyAlignment="1">
      <alignment horizontal="center"/>
    </xf>
    <xf numFmtId="0" fontId="45" fillId="0" borderId="17" xfId="0" applyFont="1" applyBorder="1" applyAlignment="1">
      <alignment horizontal="left" vertical="center"/>
    </xf>
    <xf numFmtId="0" fontId="45" fillId="0" borderId="0" xfId="0" applyFont="1" applyAlignment="1">
      <alignment horizontal="left" vertical="center"/>
    </xf>
    <xf numFmtId="0" fontId="2" fillId="0" borderId="0" xfId="0" applyFont="1" applyFill="1" applyAlignment="1">
      <alignment horizontal="center" vertical="center"/>
    </xf>
    <xf numFmtId="0" fontId="2" fillId="0" borderId="27" xfId="0" applyFont="1" applyFill="1" applyBorder="1" applyAlignment="1">
      <alignment vertical="center"/>
    </xf>
    <xf numFmtId="0" fontId="2" fillId="0" borderId="0" xfId="0" applyFont="1" applyFill="1" applyAlignment="1">
      <alignment horizontal="left" vertical="center"/>
    </xf>
    <xf numFmtId="0" fontId="2" fillId="0" borderId="27" xfId="0" applyFont="1" applyFill="1" applyBorder="1" applyAlignment="1">
      <alignment horizontal="left" vertical="center"/>
    </xf>
  </cellXfs>
  <cellStyles count="52">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2" xfId="28"/>
    <cellStyle name="パーセント 2 2" xfId="29"/>
    <cellStyle name="パーセント 2 2 2" xfId="30"/>
    <cellStyle name="メモ" xfId="31" builtinId="10" customBuiltin="1"/>
    <cellStyle name="リンク セル" xfId="32" builtinId="24" customBuiltin="1"/>
    <cellStyle name="悪い" xfId="33" builtinId="27" customBuiltin="1"/>
    <cellStyle name="計算" xfId="34" builtinId="22" customBuiltin="1"/>
    <cellStyle name="警告文" xfId="35" builtinId="11" customBuiltin="1"/>
    <cellStyle name="桁区切り" xfId="36" builtinId="6"/>
    <cellStyle name="桁区切り 2" xfId="37"/>
    <cellStyle name="見出し 1" xfId="38" builtinId="16" customBuiltin="1"/>
    <cellStyle name="見出し 2" xfId="39" builtinId="17" customBuiltin="1"/>
    <cellStyle name="見出し 3" xfId="40" builtinId="18" customBuiltin="1"/>
    <cellStyle name="見出し 4" xfId="41" builtinId="19" customBuiltin="1"/>
    <cellStyle name="集計" xfId="42" builtinId="25" customBuiltin="1"/>
    <cellStyle name="出力" xfId="43" builtinId="21" customBuiltin="1"/>
    <cellStyle name="説明文" xfId="44" builtinId="53" customBuiltin="1"/>
    <cellStyle name="入力" xfId="45" builtinId="20" customBuiltin="1"/>
    <cellStyle name="標準" xfId="0" builtinId="0"/>
    <cellStyle name="標準 2" xfId="46"/>
    <cellStyle name="標準 2 2" xfId="47"/>
    <cellStyle name="標準 3" xfId="48"/>
    <cellStyle name="標準 3 2" xfId="49"/>
    <cellStyle name="標準 3 2 2" xfId="50"/>
    <cellStyle name="良い" xfId="51"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41" Type="http://schemas.openxmlformats.org/officeDocument/2006/relationships/worksheet" Target="worksheets/sheet4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externalLink" Target="externalLinks/externalLink3.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externalLink" Target="externalLinks/externalLink2.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externalLink" Target="externalLinks/externalLink1.xml"/><Relationship Id="rId48" Type="http://schemas.openxmlformats.org/officeDocument/2006/relationships/sharedStrings" Target="sharedStrings.xml"/><Relationship Id="rId8" Type="http://schemas.openxmlformats.org/officeDocument/2006/relationships/worksheet" Target="worksheets/sheet8.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42.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E123"/>
  <sheetViews>
    <sheetView tabSelected="1" zoomScaleNormal="100" zoomScaleSheetLayoutView="115" workbookViewId="0">
      <selection activeCell="F61" sqref="F61"/>
    </sheetView>
  </sheetViews>
  <sheetFormatPr defaultColWidth="3.5" defaultRowHeight="13.5" x14ac:dyDescent="0.15"/>
  <cols>
    <col min="1" max="1" width="3.5" style="3"/>
    <col min="2" max="2" width="3" style="302" customWidth="1"/>
    <col min="3" max="7" width="3.5" style="3"/>
    <col min="8" max="8" width="2.5" style="3" customWidth="1"/>
    <col min="9" max="16384" width="3.5" style="3"/>
  </cols>
  <sheetData>
    <row r="1" spans="2:30" s="290" customFormat="1" x14ac:dyDescent="0.15"/>
    <row r="2" spans="2:30" s="290" customFormat="1" x14ac:dyDescent="0.15">
      <c r="B2" s="290" t="s">
        <v>83</v>
      </c>
      <c r="T2" s="283"/>
      <c r="U2" s="283" t="s">
        <v>9</v>
      </c>
      <c r="V2" s="392"/>
      <c r="W2" s="392"/>
      <c r="X2" s="272" t="s">
        <v>10</v>
      </c>
      <c r="Y2" s="392"/>
      <c r="Z2" s="392"/>
      <c r="AA2" s="272" t="s">
        <v>80</v>
      </c>
      <c r="AB2" s="392"/>
      <c r="AC2" s="392"/>
      <c r="AD2" s="272" t="s">
        <v>81</v>
      </c>
    </row>
    <row r="3" spans="2:30" s="290" customFormat="1" x14ac:dyDescent="0.15"/>
    <row r="4" spans="2:30" s="290" customFormat="1" x14ac:dyDescent="0.15">
      <c r="B4" s="392" t="s">
        <v>84</v>
      </c>
      <c r="C4" s="392"/>
      <c r="D4" s="392"/>
      <c r="E4" s="392"/>
      <c r="F4" s="392"/>
      <c r="G4" s="392"/>
      <c r="H4" s="392"/>
      <c r="I4" s="392"/>
      <c r="J4" s="392"/>
      <c r="K4" s="392"/>
      <c r="L4" s="392"/>
      <c r="M4" s="392"/>
      <c r="N4" s="392"/>
      <c r="O4" s="392"/>
      <c r="P4" s="392"/>
      <c r="Q4" s="392"/>
      <c r="R4" s="392"/>
      <c r="S4" s="392"/>
      <c r="T4" s="392"/>
      <c r="U4" s="392"/>
      <c r="V4" s="392"/>
      <c r="W4" s="392"/>
      <c r="X4" s="392"/>
      <c r="Y4" s="392"/>
      <c r="Z4" s="392"/>
      <c r="AA4" s="392"/>
      <c r="AB4" s="392"/>
      <c r="AC4" s="392"/>
      <c r="AD4" s="392"/>
    </row>
    <row r="5" spans="2:30" s="290" customFormat="1" x14ac:dyDescent="0.15"/>
    <row r="6" spans="2:30" s="290" customFormat="1" ht="19.5" customHeight="1" x14ac:dyDescent="0.15">
      <c r="B6" s="393" t="s">
        <v>85</v>
      </c>
      <c r="C6" s="393"/>
      <c r="D6" s="393"/>
      <c r="E6" s="393"/>
      <c r="F6" s="393"/>
      <c r="G6" s="394"/>
      <c r="H6" s="395"/>
      <c r="I6" s="395"/>
      <c r="J6" s="395"/>
      <c r="K6" s="395"/>
      <c r="L6" s="395"/>
      <c r="M6" s="395"/>
      <c r="N6" s="395"/>
      <c r="O6" s="395"/>
      <c r="P6" s="395"/>
      <c r="Q6" s="395"/>
      <c r="R6" s="395"/>
      <c r="S6" s="395"/>
      <c r="T6" s="395"/>
      <c r="U6" s="395"/>
      <c r="V6" s="395"/>
      <c r="W6" s="395"/>
      <c r="X6" s="395"/>
      <c r="Y6" s="395"/>
      <c r="Z6" s="395"/>
      <c r="AA6" s="395"/>
      <c r="AB6" s="395"/>
      <c r="AC6" s="395"/>
      <c r="AD6" s="396"/>
    </row>
    <row r="7" spans="2:30" s="290" customFormat="1" ht="19.5" customHeight="1" x14ac:dyDescent="0.15">
      <c r="B7" s="398" t="s">
        <v>86</v>
      </c>
      <c r="C7" s="399"/>
      <c r="D7" s="399"/>
      <c r="E7" s="399"/>
      <c r="F7" s="400"/>
      <c r="G7" s="249" t="s">
        <v>0</v>
      </c>
      <c r="H7" s="315" t="s">
        <v>87</v>
      </c>
      <c r="I7" s="315"/>
      <c r="J7" s="315"/>
      <c r="K7" s="315"/>
      <c r="L7" s="272" t="s">
        <v>0</v>
      </c>
      <c r="M7" s="315" t="s">
        <v>88</v>
      </c>
      <c r="N7" s="315"/>
      <c r="O7" s="315"/>
      <c r="P7" s="315"/>
      <c r="Q7" s="272" t="s">
        <v>0</v>
      </c>
      <c r="R7" s="315" t="s">
        <v>89</v>
      </c>
      <c r="S7" s="315"/>
      <c r="T7" s="315"/>
      <c r="U7" s="315"/>
      <c r="V7" s="315"/>
      <c r="W7" s="315"/>
      <c r="X7" s="315"/>
      <c r="Y7" s="315"/>
      <c r="Z7" s="315"/>
      <c r="AA7" s="315"/>
      <c r="AB7" s="315"/>
      <c r="AC7" s="315"/>
      <c r="AD7" s="321"/>
    </row>
    <row r="8" spans="2:30" ht="19.5" customHeight="1" x14ac:dyDescent="0.15">
      <c r="B8" s="401" t="s">
        <v>90</v>
      </c>
      <c r="C8" s="402"/>
      <c r="D8" s="402"/>
      <c r="E8" s="402"/>
      <c r="F8" s="403"/>
      <c r="G8" s="272" t="s">
        <v>0</v>
      </c>
      <c r="H8" s="323" t="s">
        <v>91</v>
      </c>
      <c r="I8" s="323"/>
      <c r="J8" s="323"/>
      <c r="K8" s="323"/>
      <c r="L8" s="323"/>
      <c r="M8" s="323"/>
      <c r="N8" s="323"/>
      <c r="O8" s="323"/>
      <c r="P8" s="272" t="s">
        <v>0</v>
      </c>
      <c r="Q8" s="323" t="s">
        <v>92</v>
      </c>
      <c r="R8" s="92"/>
      <c r="S8" s="92"/>
      <c r="T8" s="92"/>
      <c r="U8" s="92"/>
      <c r="V8" s="92"/>
      <c r="W8" s="92"/>
      <c r="X8" s="92"/>
      <c r="Y8" s="92"/>
      <c r="Z8" s="92"/>
      <c r="AA8" s="92"/>
      <c r="AB8" s="92"/>
      <c r="AC8" s="92"/>
      <c r="AD8" s="93"/>
    </row>
    <row r="9" spans="2:30" ht="19.5" customHeight="1" x14ac:dyDescent="0.15">
      <c r="B9" s="404"/>
      <c r="C9" s="405"/>
      <c r="D9" s="405"/>
      <c r="E9" s="405"/>
      <c r="F9" s="406"/>
      <c r="G9" s="255" t="s">
        <v>0</v>
      </c>
      <c r="H9" s="317" t="s">
        <v>93</v>
      </c>
      <c r="I9" s="317"/>
      <c r="J9" s="317"/>
      <c r="K9" s="317"/>
      <c r="L9" s="317"/>
      <c r="M9" s="317"/>
      <c r="N9" s="317"/>
      <c r="O9" s="317"/>
      <c r="P9" s="227"/>
      <c r="Q9" s="284"/>
      <c r="R9" s="284"/>
      <c r="S9" s="284"/>
      <c r="T9" s="284"/>
      <c r="U9" s="284"/>
      <c r="V9" s="284"/>
      <c r="W9" s="284"/>
      <c r="X9" s="284"/>
      <c r="Y9" s="284"/>
      <c r="Z9" s="284"/>
      <c r="AA9" s="284"/>
      <c r="AB9" s="284"/>
      <c r="AC9" s="284"/>
      <c r="AD9" s="228"/>
    </row>
    <row r="10" spans="2:30" s="290" customFormat="1" x14ac:dyDescent="0.15"/>
    <row r="11" spans="2:30" s="290" customFormat="1" x14ac:dyDescent="0.15">
      <c r="B11" s="296"/>
      <c r="C11" s="297"/>
      <c r="D11" s="297"/>
      <c r="E11" s="297"/>
      <c r="F11" s="297"/>
      <c r="G11" s="297"/>
      <c r="H11" s="297"/>
      <c r="I11" s="297"/>
      <c r="J11" s="297"/>
      <c r="K11" s="297"/>
      <c r="L11" s="297"/>
      <c r="M11" s="297"/>
      <c r="N11" s="297"/>
      <c r="O11" s="297"/>
      <c r="P11" s="297"/>
      <c r="Q11" s="297"/>
      <c r="R11" s="297"/>
      <c r="S11" s="297"/>
      <c r="T11" s="297"/>
      <c r="U11" s="297"/>
      <c r="V11" s="297"/>
      <c r="W11" s="297"/>
      <c r="X11" s="297"/>
      <c r="Y11" s="297"/>
      <c r="Z11" s="296"/>
      <c r="AA11" s="297"/>
      <c r="AB11" s="297"/>
      <c r="AC11" s="297"/>
      <c r="AD11" s="298"/>
    </row>
    <row r="12" spans="2:30" s="290" customFormat="1" x14ac:dyDescent="0.15">
      <c r="B12" s="295"/>
      <c r="Z12" s="295"/>
      <c r="AA12" s="94" t="s">
        <v>94</v>
      </c>
      <c r="AB12" s="94" t="s">
        <v>95</v>
      </c>
      <c r="AC12" s="94" t="s">
        <v>96</v>
      </c>
      <c r="AD12" s="294"/>
    </row>
    <row r="13" spans="2:30" s="290" customFormat="1" x14ac:dyDescent="0.15">
      <c r="B13" s="295"/>
      <c r="Z13" s="295"/>
      <c r="AD13" s="294"/>
    </row>
    <row r="14" spans="2:30" s="290" customFormat="1" ht="19.5" customHeight="1" x14ac:dyDescent="0.15">
      <c r="B14" s="295"/>
      <c r="C14" s="290" t="s">
        <v>97</v>
      </c>
      <c r="D14" s="272"/>
      <c r="E14" s="272"/>
      <c r="F14" s="272"/>
      <c r="G14" s="272"/>
      <c r="H14" s="272"/>
      <c r="I14" s="272"/>
      <c r="J14" s="272"/>
      <c r="K14" s="272"/>
      <c r="L14" s="272"/>
      <c r="M14" s="272"/>
      <c r="N14" s="272"/>
      <c r="O14" s="272"/>
      <c r="Z14" s="95"/>
      <c r="AA14" s="272" t="s">
        <v>0</v>
      </c>
      <c r="AB14" s="272" t="s">
        <v>95</v>
      </c>
      <c r="AC14" s="272" t="s">
        <v>0</v>
      </c>
      <c r="AD14" s="294"/>
    </row>
    <row r="15" spans="2:30" s="290" customFormat="1" x14ac:dyDescent="0.15">
      <c r="B15" s="295"/>
      <c r="D15" s="272"/>
      <c r="E15" s="272"/>
      <c r="F15" s="272"/>
      <c r="G15" s="272"/>
      <c r="H15" s="272"/>
      <c r="I15" s="272"/>
      <c r="J15" s="272"/>
      <c r="K15" s="272"/>
      <c r="L15" s="272"/>
      <c r="M15" s="272"/>
      <c r="N15" s="272"/>
      <c r="O15" s="272"/>
      <c r="Z15" s="338"/>
      <c r="AA15" s="272"/>
      <c r="AB15" s="272"/>
      <c r="AC15" s="272"/>
      <c r="AD15" s="294"/>
    </row>
    <row r="16" spans="2:30" s="290" customFormat="1" ht="19.5" customHeight="1" x14ac:dyDescent="0.15">
      <c r="B16" s="295"/>
      <c r="C16" s="290" t="s">
        <v>98</v>
      </c>
      <c r="D16" s="272"/>
      <c r="E16" s="272"/>
      <c r="F16" s="272"/>
      <c r="G16" s="272"/>
      <c r="H16" s="272"/>
      <c r="I16" s="272"/>
      <c r="J16" s="272"/>
      <c r="K16" s="272"/>
      <c r="L16" s="272"/>
      <c r="M16" s="272"/>
      <c r="N16" s="272"/>
      <c r="O16" s="272"/>
      <c r="Z16" s="95"/>
      <c r="AA16" s="272" t="s">
        <v>0</v>
      </c>
      <c r="AB16" s="272" t="s">
        <v>95</v>
      </c>
      <c r="AC16" s="272" t="s">
        <v>0</v>
      </c>
      <c r="AD16" s="294"/>
    </row>
    <row r="17" spans="2:30" s="290" customFormat="1" x14ac:dyDescent="0.15">
      <c r="B17" s="295"/>
      <c r="L17" s="272"/>
      <c r="Q17" s="272"/>
      <c r="W17" s="272"/>
      <c r="Z17" s="295"/>
      <c r="AD17" s="294"/>
    </row>
    <row r="18" spans="2:30" s="290" customFormat="1" x14ac:dyDescent="0.15">
      <c r="B18" s="295"/>
      <c r="C18" s="290" t="s">
        <v>99</v>
      </c>
      <c r="Z18" s="295"/>
      <c r="AD18" s="294"/>
    </row>
    <row r="19" spans="2:30" s="290" customFormat="1" ht="6.75" customHeight="1" x14ac:dyDescent="0.15">
      <c r="B19" s="295"/>
      <c r="Z19" s="295"/>
      <c r="AD19" s="294"/>
    </row>
    <row r="20" spans="2:30" s="290" customFormat="1" ht="23.25" customHeight="1" x14ac:dyDescent="0.15">
      <c r="B20" s="295" t="s">
        <v>100</v>
      </c>
      <c r="C20" s="398" t="s">
        <v>101</v>
      </c>
      <c r="D20" s="399"/>
      <c r="E20" s="399"/>
      <c r="F20" s="399"/>
      <c r="G20" s="399"/>
      <c r="H20" s="400"/>
      <c r="I20" s="398"/>
      <c r="J20" s="399"/>
      <c r="K20" s="399"/>
      <c r="L20" s="399"/>
      <c r="M20" s="399"/>
      <c r="N20" s="399"/>
      <c r="O20" s="399"/>
      <c r="P20" s="399"/>
      <c r="Q20" s="399"/>
      <c r="R20" s="399"/>
      <c r="S20" s="399"/>
      <c r="T20" s="399"/>
      <c r="U20" s="399"/>
      <c r="V20" s="399"/>
      <c r="W20" s="399"/>
      <c r="X20" s="400"/>
      <c r="Y20" s="2"/>
      <c r="Z20" s="91"/>
      <c r="AA20" s="2"/>
      <c r="AB20" s="2"/>
      <c r="AC20" s="2"/>
      <c r="AD20" s="294"/>
    </row>
    <row r="21" spans="2:30" s="290" customFormat="1" ht="23.25" customHeight="1" x14ac:dyDescent="0.15">
      <c r="B21" s="295" t="s">
        <v>100</v>
      </c>
      <c r="C21" s="398" t="s">
        <v>102</v>
      </c>
      <c r="D21" s="399"/>
      <c r="E21" s="399"/>
      <c r="F21" s="399"/>
      <c r="G21" s="399"/>
      <c r="H21" s="400"/>
      <c r="I21" s="398"/>
      <c r="J21" s="399"/>
      <c r="K21" s="399"/>
      <c r="L21" s="399"/>
      <c r="M21" s="399"/>
      <c r="N21" s="399"/>
      <c r="O21" s="399"/>
      <c r="P21" s="399"/>
      <c r="Q21" s="399"/>
      <c r="R21" s="399"/>
      <c r="S21" s="399"/>
      <c r="T21" s="399"/>
      <c r="U21" s="399"/>
      <c r="V21" s="399"/>
      <c r="W21" s="399"/>
      <c r="X21" s="400"/>
      <c r="Y21" s="2"/>
      <c r="Z21" s="91"/>
      <c r="AA21" s="2"/>
      <c r="AB21" s="2"/>
      <c r="AC21" s="2"/>
      <c r="AD21" s="294"/>
    </row>
    <row r="22" spans="2:30" s="290" customFormat="1" ht="23.25" customHeight="1" x14ac:dyDescent="0.15">
      <c r="B22" s="295" t="s">
        <v>100</v>
      </c>
      <c r="C22" s="398" t="s">
        <v>103</v>
      </c>
      <c r="D22" s="399"/>
      <c r="E22" s="399"/>
      <c r="F22" s="399"/>
      <c r="G22" s="399"/>
      <c r="H22" s="400"/>
      <c r="I22" s="398"/>
      <c r="J22" s="399"/>
      <c r="K22" s="399"/>
      <c r="L22" s="399"/>
      <c r="M22" s="399"/>
      <c r="N22" s="399"/>
      <c r="O22" s="399"/>
      <c r="P22" s="399"/>
      <c r="Q22" s="399"/>
      <c r="R22" s="399"/>
      <c r="S22" s="399"/>
      <c r="T22" s="399"/>
      <c r="U22" s="399"/>
      <c r="V22" s="399"/>
      <c r="W22" s="399"/>
      <c r="X22" s="400"/>
      <c r="Y22" s="2"/>
      <c r="Z22" s="91"/>
      <c r="AA22" s="2"/>
      <c r="AB22" s="2"/>
      <c r="AC22" s="2"/>
      <c r="AD22" s="294"/>
    </row>
    <row r="23" spans="2:30" s="290" customFormat="1" x14ac:dyDescent="0.15">
      <c r="B23" s="295"/>
      <c r="C23" s="272"/>
      <c r="D23" s="272"/>
      <c r="E23" s="272"/>
      <c r="F23" s="272"/>
      <c r="G23" s="272"/>
      <c r="H23" s="272"/>
      <c r="I23" s="2"/>
      <c r="J23" s="2"/>
      <c r="K23" s="2"/>
      <c r="L23" s="2"/>
      <c r="M23" s="2"/>
      <c r="N23" s="2"/>
      <c r="O23" s="2"/>
      <c r="P23" s="2"/>
      <c r="Q23" s="2"/>
      <c r="R23" s="2"/>
      <c r="S23" s="2"/>
      <c r="T23" s="2"/>
      <c r="U23" s="2"/>
      <c r="V23" s="2"/>
      <c r="W23" s="2"/>
      <c r="X23" s="2"/>
      <c r="Y23" s="2"/>
      <c r="Z23" s="91"/>
      <c r="AA23" s="2"/>
      <c r="AB23" s="2"/>
      <c r="AC23" s="2"/>
      <c r="AD23" s="294"/>
    </row>
    <row r="24" spans="2:30" s="290" customFormat="1" ht="27" customHeight="1" x14ac:dyDescent="0.15">
      <c r="B24" s="295"/>
      <c r="C24" s="407" t="s">
        <v>104</v>
      </c>
      <c r="D24" s="407"/>
      <c r="E24" s="407"/>
      <c r="F24" s="407"/>
      <c r="G24" s="407"/>
      <c r="H24" s="407"/>
      <c r="I24" s="407"/>
      <c r="J24" s="407"/>
      <c r="K24" s="407"/>
      <c r="L24" s="407"/>
      <c r="M24" s="407"/>
      <c r="N24" s="407"/>
      <c r="O24" s="407"/>
      <c r="P24" s="407"/>
      <c r="Q24" s="407"/>
      <c r="R24" s="407"/>
      <c r="S24" s="407"/>
      <c r="T24" s="407"/>
      <c r="U24" s="407"/>
      <c r="V24" s="407"/>
      <c r="W24" s="407"/>
      <c r="X24" s="407"/>
      <c r="Y24" s="274"/>
      <c r="Z24" s="329"/>
      <c r="AA24" s="94" t="s">
        <v>94</v>
      </c>
      <c r="AB24" s="94" t="s">
        <v>95</v>
      </c>
      <c r="AC24" s="94" t="s">
        <v>96</v>
      </c>
      <c r="AD24" s="294"/>
    </row>
    <row r="25" spans="2:30" s="290" customFormat="1" ht="6" customHeight="1" x14ac:dyDescent="0.15">
      <c r="B25" s="295"/>
      <c r="C25" s="272"/>
      <c r="D25" s="272"/>
      <c r="E25" s="272"/>
      <c r="F25" s="272"/>
      <c r="G25" s="272"/>
      <c r="H25" s="272"/>
      <c r="I25" s="272"/>
      <c r="J25" s="272"/>
      <c r="K25" s="272"/>
      <c r="L25" s="272"/>
      <c r="M25" s="272"/>
      <c r="N25" s="272"/>
      <c r="O25" s="272"/>
      <c r="Z25" s="295"/>
      <c r="AD25" s="294"/>
    </row>
    <row r="26" spans="2:30" s="290" customFormat="1" ht="19.5" customHeight="1" x14ac:dyDescent="0.15">
      <c r="B26" s="295"/>
      <c r="D26" s="290" t="s">
        <v>920</v>
      </c>
      <c r="E26" s="272"/>
      <c r="F26" s="272"/>
      <c r="G26" s="272"/>
      <c r="H26" s="272"/>
      <c r="I26" s="272"/>
      <c r="J26" s="272"/>
      <c r="K26" s="272"/>
      <c r="L26" s="272"/>
      <c r="M26" s="272"/>
      <c r="N26" s="272"/>
      <c r="O26" s="272"/>
      <c r="Z26" s="95"/>
      <c r="AA26" s="392" t="s">
        <v>0</v>
      </c>
      <c r="AB26" s="272" t="s">
        <v>95</v>
      </c>
      <c r="AC26" s="392" t="s">
        <v>0</v>
      </c>
      <c r="AD26" s="294"/>
    </row>
    <row r="27" spans="2:30" s="290" customFormat="1" ht="19.5" customHeight="1" x14ac:dyDescent="0.15">
      <c r="B27" s="295"/>
      <c r="D27" s="290" t="s">
        <v>921</v>
      </c>
      <c r="E27" s="272"/>
      <c r="F27" s="272"/>
      <c r="G27" s="272"/>
      <c r="H27" s="272"/>
      <c r="I27" s="272"/>
      <c r="J27" s="272"/>
      <c r="K27" s="272"/>
      <c r="L27" s="272"/>
      <c r="M27" s="272"/>
      <c r="N27" s="272"/>
      <c r="O27" s="272"/>
      <c r="Z27" s="95"/>
      <c r="AA27" s="392"/>
      <c r="AB27" s="272"/>
      <c r="AC27" s="392"/>
      <c r="AD27" s="294"/>
    </row>
    <row r="28" spans="2:30" s="290" customFormat="1" ht="6.75" customHeight="1" x14ac:dyDescent="0.15">
      <c r="B28" s="295"/>
      <c r="Z28" s="295"/>
      <c r="AD28" s="294"/>
    </row>
    <row r="29" spans="2:30" s="2" customFormat="1" ht="18" customHeight="1" x14ac:dyDescent="0.15">
      <c r="B29" s="291"/>
      <c r="D29" s="2" t="s">
        <v>105</v>
      </c>
      <c r="Z29" s="95"/>
      <c r="AA29" s="272" t="s">
        <v>0</v>
      </c>
      <c r="AB29" s="272" t="s">
        <v>95</v>
      </c>
      <c r="AC29" s="272" t="s">
        <v>0</v>
      </c>
      <c r="AD29" s="88"/>
    </row>
    <row r="30" spans="2:30" s="290" customFormat="1" ht="6.75" customHeight="1" x14ac:dyDescent="0.15">
      <c r="B30" s="295"/>
      <c r="Z30" s="295"/>
      <c r="AD30" s="294"/>
    </row>
    <row r="31" spans="2:30" s="2" customFormat="1" ht="18" customHeight="1" x14ac:dyDescent="0.15">
      <c r="B31" s="291"/>
      <c r="D31" s="2" t="s">
        <v>106</v>
      </c>
      <c r="Z31" s="95"/>
      <c r="AA31" s="272" t="s">
        <v>0</v>
      </c>
      <c r="AB31" s="272" t="s">
        <v>95</v>
      </c>
      <c r="AC31" s="272" t="s">
        <v>0</v>
      </c>
      <c r="AD31" s="88"/>
    </row>
    <row r="32" spans="2:30" s="290" customFormat="1" ht="6.75" customHeight="1" x14ac:dyDescent="0.15">
      <c r="B32" s="295"/>
      <c r="Z32" s="295"/>
      <c r="AD32" s="294"/>
    </row>
    <row r="33" spans="1:31" s="2" customFormat="1" ht="18" customHeight="1" x14ac:dyDescent="0.15">
      <c r="B33" s="291"/>
      <c r="D33" s="2" t="s">
        <v>107</v>
      </c>
      <c r="Z33" s="95"/>
      <c r="AA33" s="272" t="s">
        <v>0</v>
      </c>
      <c r="AB33" s="272" t="s">
        <v>95</v>
      </c>
      <c r="AC33" s="272" t="s">
        <v>0</v>
      </c>
      <c r="AD33" s="88"/>
    </row>
    <row r="34" spans="1:31" s="290" customFormat="1" ht="6.75" customHeight="1" x14ac:dyDescent="0.15">
      <c r="B34" s="295"/>
      <c r="Z34" s="295"/>
      <c r="AD34" s="294"/>
    </row>
    <row r="35" spans="1:31" s="2" customFormat="1" ht="18" customHeight="1" x14ac:dyDescent="0.15">
      <c r="B35" s="291"/>
      <c r="D35" s="2" t="s">
        <v>108</v>
      </c>
      <c r="Z35" s="95"/>
      <c r="AA35" s="272" t="s">
        <v>0</v>
      </c>
      <c r="AB35" s="272" t="s">
        <v>95</v>
      </c>
      <c r="AC35" s="272" t="s">
        <v>0</v>
      </c>
      <c r="AD35" s="88"/>
    </row>
    <row r="36" spans="1:31" s="290" customFormat="1" ht="6.75" customHeight="1" x14ac:dyDescent="0.15">
      <c r="B36" s="295"/>
      <c r="Z36" s="295"/>
      <c r="AD36" s="294"/>
    </row>
    <row r="37" spans="1:31" ht="18" customHeight="1" x14ac:dyDescent="0.15">
      <c r="B37" s="96"/>
      <c r="D37" s="2" t="s">
        <v>109</v>
      </c>
      <c r="Z37" s="95"/>
      <c r="AA37" s="272" t="s">
        <v>0</v>
      </c>
      <c r="AB37" s="272" t="s">
        <v>95</v>
      </c>
      <c r="AC37" s="272" t="s">
        <v>0</v>
      </c>
      <c r="AD37" s="87"/>
    </row>
    <row r="38" spans="1:31" x14ac:dyDescent="0.15">
      <c r="B38" s="96"/>
      <c r="Y38" s="87"/>
      <c r="AE38" s="97"/>
    </row>
    <row r="39" spans="1:31" ht="27" customHeight="1" x14ac:dyDescent="0.15">
      <c r="A39" s="87"/>
      <c r="B39" s="278"/>
      <c r="C39" s="397" t="s">
        <v>110</v>
      </c>
      <c r="D39" s="397"/>
      <c r="E39" s="397"/>
      <c r="F39" s="397"/>
      <c r="G39" s="397"/>
      <c r="H39" s="397"/>
      <c r="I39" s="397"/>
      <c r="J39" s="397"/>
      <c r="K39" s="397"/>
      <c r="L39" s="397"/>
      <c r="M39" s="397"/>
      <c r="N39" s="397"/>
      <c r="O39" s="397"/>
      <c r="P39" s="397"/>
      <c r="Q39" s="397"/>
      <c r="R39" s="397"/>
      <c r="S39" s="397"/>
      <c r="T39" s="397"/>
      <c r="U39" s="397"/>
      <c r="V39" s="397"/>
      <c r="W39" s="397"/>
      <c r="X39" s="397"/>
      <c r="Y39" s="269"/>
      <c r="Z39" s="229"/>
      <c r="AA39" s="256" t="s">
        <v>0</v>
      </c>
      <c r="AB39" s="256" t="s">
        <v>95</v>
      </c>
      <c r="AC39" s="256" t="s">
        <v>0</v>
      </c>
      <c r="AD39" s="60"/>
      <c r="AE39" s="97"/>
    </row>
    <row r="40" spans="1:31" s="2" customFormat="1" x14ac:dyDescent="0.15">
      <c r="B40" s="98" t="s">
        <v>111</v>
      </c>
    </row>
    <row r="41" spans="1:31" s="2" customFormat="1" x14ac:dyDescent="0.15">
      <c r="B41" s="98" t="s">
        <v>112</v>
      </c>
    </row>
    <row r="42" spans="1:31" s="2" customFormat="1" x14ac:dyDescent="0.15">
      <c r="B42" s="98" t="s">
        <v>113</v>
      </c>
    </row>
    <row r="122" spans="3:7" x14ac:dyDescent="0.15">
      <c r="C122" s="59"/>
      <c r="D122" s="59"/>
      <c r="E122" s="59"/>
      <c r="F122" s="59"/>
      <c r="G122" s="59"/>
    </row>
    <row r="123" spans="3:7" x14ac:dyDescent="0.15">
      <c r="C123" s="57"/>
    </row>
  </sheetData>
  <mergeCells count="18">
    <mergeCell ref="AA26:AA27"/>
    <mergeCell ref="AC26:AC27"/>
    <mergeCell ref="C39:X39"/>
    <mergeCell ref="B7:F7"/>
    <mergeCell ref="B8:F9"/>
    <mergeCell ref="C20:H20"/>
    <mergeCell ref="I20:X20"/>
    <mergeCell ref="C21:H21"/>
    <mergeCell ref="I21:X21"/>
    <mergeCell ref="C22:H22"/>
    <mergeCell ref="I22:X22"/>
    <mergeCell ref="C24:X24"/>
    <mergeCell ref="V2:W2"/>
    <mergeCell ref="Y2:Z2"/>
    <mergeCell ref="AB2:AC2"/>
    <mergeCell ref="B4:AD4"/>
    <mergeCell ref="B6:F6"/>
    <mergeCell ref="G6:AD6"/>
  </mergeCells>
  <phoneticPr fontId="1"/>
  <dataValidations count="1">
    <dataValidation type="list" allowBlank="1" showInputMessage="1" showErrorMessage="1" sqref="AA14 G7:G9 L7 Q7 P8 AC14 AA16 AC16 AC39 AA26 AA29 AC29 AA31 AC31 AA33 AC33 AA35 AC35 AA37 AC37 AA39 AC26">
      <formula1>"□,■"</formula1>
    </dataValidation>
  </dataValidations>
  <pageMargins left="0.7" right="0.7" top="0.75" bottom="0.75" header="0.3" footer="0.3"/>
  <pageSetup paperSize="9" scale="85"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E123"/>
  <sheetViews>
    <sheetView zoomScaleNormal="100" zoomScaleSheetLayoutView="85" workbookViewId="0">
      <selection activeCell="F61" sqref="F61"/>
    </sheetView>
  </sheetViews>
  <sheetFormatPr defaultColWidth="3.5" defaultRowHeight="13.5" x14ac:dyDescent="0.15"/>
  <cols>
    <col min="1" max="1" width="1.25" style="3" customWidth="1"/>
    <col min="2" max="2" width="3.125" style="302" customWidth="1"/>
    <col min="3" max="30" width="3.125" style="3" customWidth="1"/>
    <col min="31" max="31" width="1.25" style="3" customWidth="1"/>
    <col min="32" max="16384" width="3.5" style="3"/>
  </cols>
  <sheetData>
    <row r="1" spans="2:30" s="290" customFormat="1" x14ac:dyDescent="0.15"/>
    <row r="2" spans="2:30" s="290" customFormat="1" x14ac:dyDescent="0.15">
      <c r="B2" s="290" t="s">
        <v>916</v>
      </c>
    </row>
    <row r="3" spans="2:30" s="290" customFormat="1" x14ac:dyDescent="0.15">
      <c r="U3" s="283" t="s">
        <v>9</v>
      </c>
      <c r="V3" s="392"/>
      <c r="W3" s="392"/>
      <c r="X3" s="283" t="s">
        <v>10</v>
      </c>
      <c r="Y3" s="392"/>
      <c r="Z3" s="392"/>
      <c r="AA3" s="283" t="s">
        <v>11</v>
      </c>
      <c r="AB3" s="392"/>
      <c r="AC3" s="392"/>
      <c r="AD3" s="283" t="s">
        <v>81</v>
      </c>
    </row>
    <row r="4" spans="2:30" s="290" customFormat="1" x14ac:dyDescent="0.15">
      <c r="AD4" s="283"/>
    </row>
    <row r="5" spans="2:30" s="290" customFormat="1" x14ac:dyDescent="0.15">
      <c r="B5" s="392" t="s">
        <v>359</v>
      </c>
      <c r="C5" s="392"/>
      <c r="D5" s="392"/>
      <c r="E5" s="392"/>
      <c r="F5" s="392"/>
      <c r="G5" s="392"/>
      <c r="H5" s="392"/>
      <c r="I5" s="392"/>
      <c r="J5" s="392"/>
      <c r="K5" s="392"/>
      <c r="L5" s="392"/>
      <c r="M5" s="392"/>
      <c r="N5" s="392"/>
      <c r="O5" s="392"/>
      <c r="P5" s="392"/>
      <c r="Q5" s="392"/>
      <c r="R5" s="392"/>
      <c r="S5" s="392"/>
      <c r="T5" s="392"/>
      <c r="U5" s="392"/>
      <c r="V5" s="392"/>
      <c r="W5" s="392"/>
      <c r="X5" s="392"/>
      <c r="Y5" s="392"/>
      <c r="Z5" s="392"/>
      <c r="AA5" s="392"/>
      <c r="AB5" s="392"/>
      <c r="AC5" s="392"/>
      <c r="AD5" s="392"/>
    </row>
    <row r="6" spans="2:30" s="290" customFormat="1" x14ac:dyDescent="0.15">
      <c r="B6" s="392" t="s">
        <v>417</v>
      </c>
      <c r="C6" s="392"/>
      <c r="D6" s="392"/>
      <c r="E6" s="392"/>
      <c r="F6" s="392"/>
      <c r="G6" s="392"/>
      <c r="H6" s="392"/>
      <c r="I6" s="392"/>
      <c r="J6" s="392"/>
      <c r="K6" s="392"/>
      <c r="L6" s="392"/>
      <c r="M6" s="392"/>
      <c r="N6" s="392"/>
      <c r="O6" s="392"/>
      <c r="P6" s="392"/>
      <c r="Q6" s="392"/>
      <c r="R6" s="392"/>
      <c r="S6" s="392"/>
      <c r="T6" s="392"/>
      <c r="U6" s="392"/>
      <c r="V6" s="392"/>
      <c r="W6" s="392"/>
      <c r="X6" s="392"/>
      <c r="Y6" s="392"/>
      <c r="Z6" s="392"/>
      <c r="AA6" s="392"/>
      <c r="AB6" s="392"/>
      <c r="AC6" s="392"/>
      <c r="AD6" s="392"/>
    </row>
    <row r="7" spans="2:30" s="290" customFormat="1" x14ac:dyDescent="0.15"/>
    <row r="8" spans="2:30" s="290" customFormat="1" ht="23.25" customHeight="1" x14ac:dyDescent="0.15">
      <c r="B8" s="450" t="s">
        <v>361</v>
      </c>
      <c r="C8" s="450"/>
      <c r="D8" s="450"/>
      <c r="E8" s="450"/>
      <c r="F8" s="394"/>
      <c r="G8" s="451"/>
      <c r="H8" s="452"/>
      <c r="I8" s="452"/>
      <c r="J8" s="452"/>
      <c r="K8" s="452"/>
      <c r="L8" s="452"/>
      <c r="M8" s="452"/>
      <c r="N8" s="452"/>
      <c r="O8" s="452"/>
      <c r="P8" s="452"/>
      <c r="Q8" s="452"/>
      <c r="R8" s="452"/>
      <c r="S8" s="452"/>
      <c r="T8" s="452"/>
      <c r="U8" s="452"/>
      <c r="V8" s="452"/>
      <c r="W8" s="452"/>
      <c r="X8" s="452"/>
      <c r="Y8" s="452"/>
      <c r="Z8" s="452"/>
      <c r="AA8" s="452"/>
      <c r="AB8" s="452"/>
      <c r="AC8" s="452"/>
      <c r="AD8" s="453"/>
    </row>
    <row r="9" spans="2:30" ht="23.25" customHeight="1" x14ac:dyDescent="0.15">
      <c r="B9" s="394" t="s">
        <v>362</v>
      </c>
      <c r="C9" s="395"/>
      <c r="D9" s="395"/>
      <c r="E9" s="395"/>
      <c r="F9" s="395"/>
      <c r="G9" s="107" t="s">
        <v>0</v>
      </c>
      <c r="H9" s="315" t="s">
        <v>87</v>
      </c>
      <c r="I9" s="315"/>
      <c r="J9" s="315"/>
      <c r="K9" s="315"/>
      <c r="L9" s="108" t="s">
        <v>0</v>
      </c>
      <c r="M9" s="315" t="s">
        <v>88</v>
      </c>
      <c r="N9" s="315"/>
      <c r="O9" s="315"/>
      <c r="P9" s="315"/>
      <c r="Q9" s="108" t="s">
        <v>0</v>
      </c>
      <c r="R9" s="315" t="s">
        <v>89</v>
      </c>
      <c r="S9" s="313"/>
      <c r="T9" s="313"/>
      <c r="U9" s="313"/>
      <c r="V9" s="313"/>
      <c r="W9" s="313"/>
      <c r="X9" s="313"/>
      <c r="Y9" s="313"/>
      <c r="Z9" s="313"/>
      <c r="AA9" s="313"/>
      <c r="AB9" s="313"/>
      <c r="AC9" s="313"/>
      <c r="AD9" s="125"/>
    </row>
    <row r="10" spans="2:30" ht="23.25" customHeight="1" x14ac:dyDescent="0.15">
      <c r="B10" s="423" t="s">
        <v>363</v>
      </c>
      <c r="C10" s="424"/>
      <c r="D10" s="424"/>
      <c r="E10" s="424"/>
      <c r="F10" s="425"/>
      <c r="G10" s="107" t="s">
        <v>0</v>
      </c>
      <c r="H10" s="286" t="s">
        <v>418</v>
      </c>
      <c r="I10" s="315"/>
      <c r="J10" s="315"/>
      <c r="K10" s="315"/>
      <c r="L10" s="315"/>
      <c r="M10" s="315"/>
      <c r="N10" s="315"/>
      <c r="O10" s="315"/>
      <c r="P10" s="315"/>
      <c r="Q10" s="315"/>
      <c r="R10" s="315"/>
      <c r="S10" s="286"/>
      <c r="T10" s="108" t="s">
        <v>0</v>
      </c>
      <c r="U10" s="286" t="s">
        <v>419</v>
      </c>
      <c r="V10" s="313"/>
      <c r="W10" s="313"/>
      <c r="X10" s="313"/>
      <c r="Y10" s="313"/>
      <c r="Z10" s="313"/>
      <c r="AA10" s="313"/>
      <c r="AB10" s="313"/>
      <c r="AC10" s="313"/>
      <c r="AD10" s="125"/>
    </row>
    <row r="11" spans="2:30" ht="23.25" customHeight="1" x14ac:dyDescent="0.15">
      <c r="B11" s="423" t="s">
        <v>367</v>
      </c>
      <c r="C11" s="424"/>
      <c r="D11" s="424"/>
      <c r="E11" s="424"/>
      <c r="F11" s="425"/>
      <c r="G11" s="126" t="s">
        <v>0</v>
      </c>
      <c r="H11" s="297" t="s">
        <v>368</v>
      </c>
      <c r="I11" s="323"/>
      <c r="J11" s="323"/>
      <c r="K11" s="323"/>
      <c r="L11" s="323"/>
      <c r="M11" s="323"/>
      <c r="N11" s="323"/>
      <c r="O11" s="323"/>
      <c r="P11" s="323"/>
      <c r="Q11" s="323"/>
      <c r="R11" s="323"/>
      <c r="S11" s="116" t="s">
        <v>0</v>
      </c>
      <c r="T11" s="297" t="s">
        <v>369</v>
      </c>
      <c r="U11" s="297"/>
      <c r="V11" s="127"/>
      <c r="W11" s="127"/>
      <c r="X11" s="127"/>
      <c r="Y11" s="127"/>
      <c r="Z11" s="127"/>
      <c r="AA11" s="127"/>
      <c r="AB11" s="127"/>
      <c r="AC11" s="127"/>
      <c r="AD11" s="128"/>
    </row>
    <row r="12" spans="2:30" ht="23.25" customHeight="1" x14ac:dyDescent="0.15">
      <c r="B12" s="426"/>
      <c r="C12" s="427"/>
      <c r="D12" s="427"/>
      <c r="E12" s="427"/>
      <c r="F12" s="428"/>
      <c r="G12" s="110" t="s">
        <v>0</v>
      </c>
      <c r="H12" s="259" t="s">
        <v>370</v>
      </c>
      <c r="I12" s="317"/>
      <c r="J12" s="317"/>
      <c r="K12" s="317"/>
      <c r="L12" s="317"/>
      <c r="M12" s="317"/>
      <c r="N12" s="317"/>
      <c r="O12" s="317"/>
      <c r="P12" s="317"/>
      <c r="Q12" s="317"/>
      <c r="R12" s="317"/>
      <c r="S12" s="129"/>
      <c r="T12" s="137"/>
      <c r="U12" s="137"/>
      <c r="V12" s="137"/>
      <c r="W12" s="137"/>
      <c r="X12" s="137"/>
      <c r="Y12" s="137"/>
      <c r="Z12" s="137"/>
      <c r="AA12" s="137"/>
      <c r="AB12" s="137"/>
      <c r="AC12" s="137"/>
      <c r="AD12" s="146"/>
    </row>
    <row r="13" spans="2:30" s="290" customFormat="1" ht="9" customHeight="1" x14ac:dyDescent="0.15"/>
    <row r="14" spans="2:30" s="290" customFormat="1" x14ac:dyDescent="0.15">
      <c r="B14" s="454" t="s">
        <v>371</v>
      </c>
      <c r="C14" s="455"/>
      <c r="D14" s="455"/>
      <c r="E14" s="455"/>
      <c r="F14" s="456"/>
      <c r="G14" s="496"/>
      <c r="H14" s="497"/>
      <c r="I14" s="497"/>
      <c r="J14" s="497"/>
      <c r="K14" s="497"/>
      <c r="L14" s="497"/>
      <c r="M14" s="497"/>
      <c r="N14" s="497"/>
      <c r="O14" s="497"/>
      <c r="P14" s="497"/>
      <c r="Q14" s="497"/>
      <c r="R14" s="497"/>
      <c r="S14" s="497"/>
      <c r="T14" s="497"/>
      <c r="U14" s="497"/>
      <c r="V14" s="497"/>
      <c r="W14" s="497"/>
      <c r="X14" s="497"/>
      <c r="Y14" s="498"/>
      <c r="Z14" s="322"/>
      <c r="AA14" s="113" t="s">
        <v>94</v>
      </c>
      <c r="AB14" s="113" t="s">
        <v>95</v>
      </c>
      <c r="AC14" s="113" t="s">
        <v>96</v>
      </c>
      <c r="AD14" s="324"/>
    </row>
    <row r="15" spans="2:30" s="290" customFormat="1" ht="27" customHeight="1" x14ac:dyDescent="0.15">
      <c r="B15" s="457"/>
      <c r="C15" s="407"/>
      <c r="D15" s="407"/>
      <c r="E15" s="407"/>
      <c r="F15" s="458"/>
      <c r="G15" s="499" t="s">
        <v>372</v>
      </c>
      <c r="H15" s="500"/>
      <c r="I15" s="500"/>
      <c r="J15" s="500"/>
      <c r="K15" s="500"/>
      <c r="L15" s="500"/>
      <c r="M15" s="500"/>
      <c r="N15" s="500"/>
      <c r="O15" s="500"/>
      <c r="P15" s="500"/>
      <c r="Q15" s="500"/>
      <c r="R15" s="500"/>
      <c r="S15" s="500"/>
      <c r="T15" s="500"/>
      <c r="U15" s="500"/>
      <c r="V15" s="500"/>
      <c r="W15" s="500"/>
      <c r="X15" s="500"/>
      <c r="Y15" s="501"/>
      <c r="Z15" s="91"/>
      <c r="AA15" s="109" t="s">
        <v>0</v>
      </c>
      <c r="AB15" s="109" t="s">
        <v>95</v>
      </c>
      <c r="AC15" s="109" t="s">
        <v>0</v>
      </c>
      <c r="AD15" s="88"/>
    </row>
    <row r="16" spans="2:30" s="290" customFormat="1" ht="27" customHeight="1" x14ac:dyDescent="0.15">
      <c r="B16" s="459"/>
      <c r="C16" s="397"/>
      <c r="D16" s="397"/>
      <c r="E16" s="397"/>
      <c r="F16" s="460"/>
      <c r="G16" s="502" t="s">
        <v>373</v>
      </c>
      <c r="H16" s="503"/>
      <c r="I16" s="503"/>
      <c r="J16" s="503"/>
      <c r="K16" s="503"/>
      <c r="L16" s="503"/>
      <c r="M16" s="503"/>
      <c r="N16" s="503"/>
      <c r="O16" s="503"/>
      <c r="P16" s="503"/>
      <c r="Q16" s="503"/>
      <c r="R16" s="503"/>
      <c r="S16" s="503"/>
      <c r="T16" s="503"/>
      <c r="U16" s="503"/>
      <c r="V16" s="503"/>
      <c r="W16" s="503"/>
      <c r="X16" s="503"/>
      <c r="Y16" s="504"/>
      <c r="Z16" s="316"/>
      <c r="AA16" s="111" t="s">
        <v>0</v>
      </c>
      <c r="AB16" s="111" t="s">
        <v>95</v>
      </c>
      <c r="AC16" s="111" t="s">
        <v>0</v>
      </c>
      <c r="AD16" s="325"/>
    </row>
    <row r="17" spans="2:30" s="290" customFormat="1" ht="9" customHeight="1" x14ac:dyDescent="0.15"/>
    <row r="18" spans="2:30" s="290" customFormat="1" x14ac:dyDescent="0.15">
      <c r="B18" s="290" t="s">
        <v>375</v>
      </c>
    </row>
    <row r="19" spans="2:30" s="290" customFormat="1" x14ac:dyDescent="0.15">
      <c r="B19" s="290" t="s">
        <v>376</v>
      </c>
      <c r="AC19" s="2"/>
      <c r="AD19" s="2"/>
    </row>
    <row r="20" spans="2:30" s="290" customFormat="1" ht="4.5" customHeight="1" x14ac:dyDescent="0.15"/>
    <row r="21" spans="2:30" s="290" customFormat="1" ht="4.5" customHeight="1" x14ac:dyDescent="0.15">
      <c r="B21" s="441" t="s">
        <v>377</v>
      </c>
      <c r="C21" s="442"/>
      <c r="D21" s="442"/>
      <c r="E21" s="442"/>
      <c r="F21" s="443"/>
      <c r="G21" s="296"/>
      <c r="H21" s="297"/>
      <c r="I21" s="297"/>
      <c r="J21" s="297"/>
      <c r="K21" s="297"/>
      <c r="L21" s="297"/>
      <c r="M21" s="297"/>
      <c r="N21" s="297"/>
      <c r="O21" s="297"/>
      <c r="P21" s="297"/>
      <c r="Q21" s="297"/>
      <c r="R21" s="297"/>
      <c r="S21" s="297"/>
      <c r="T21" s="297"/>
      <c r="U21" s="297"/>
      <c r="V21" s="297"/>
      <c r="W21" s="297"/>
      <c r="X21" s="297"/>
      <c r="Y21" s="297"/>
      <c r="Z21" s="296"/>
      <c r="AA21" s="297"/>
      <c r="AB21" s="297"/>
      <c r="AC21" s="323"/>
      <c r="AD21" s="324"/>
    </row>
    <row r="22" spans="2:30" s="290" customFormat="1" ht="15.75" customHeight="1" x14ac:dyDescent="0.15">
      <c r="B22" s="444"/>
      <c r="C22" s="439"/>
      <c r="D22" s="439"/>
      <c r="E22" s="439"/>
      <c r="F22" s="445"/>
      <c r="G22" s="295"/>
      <c r="H22" s="290" t="s">
        <v>404</v>
      </c>
      <c r="Z22" s="295"/>
      <c r="AA22" s="94" t="s">
        <v>94</v>
      </c>
      <c r="AB22" s="94" t="s">
        <v>95</v>
      </c>
      <c r="AC22" s="94" t="s">
        <v>96</v>
      </c>
      <c r="AD22" s="131"/>
    </row>
    <row r="23" spans="2:30" s="290" customFormat="1" ht="29.25" customHeight="1" x14ac:dyDescent="0.15">
      <c r="B23" s="444"/>
      <c r="C23" s="439"/>
      <c r="D23" s="439"/>
      <c r="E23" s="439"/>
      <c r="F23" s="445"/>
      <c r="G23" s="295"/>
      <c r="I23" s="285" t="s">
        <v>180</v>
      </c>
      <c r="J23" s="474" t="s">
        <v>420</v>
      </c>
      <c r="K23" s="475"/>
      <c r="L23" s="475"/>
      <c r="M23" s="475"/>
      <c r="N23" s="475"/>
      <c r="O23" s="475"/>
      <c r="P23" s="475"/>
      <c r="Q23" s="475"/>
      <c r="R23" s="475"/>
      <c r="S23" s="475"/>
      <c r="T23" s="475"/>
      <c r="U23" s="491"/>
      <c r="V23" s="393"/>
      <c r="W23" s="398"/>
      <c r="X23" s="287" t="s">
        <v>181</v>
      </c>
      <c r="Z23" s="295"/>
      <c r="AA23" s="335"/>
      <c r="AB23" s="272"/>
      <c r="AC23" s="335"/>
      <c r="AD23" s="88"/>
    </row>
    <row r="24" spans="2:30" s="290" customFormat="1" ht="15.75" customHeight="1" x14ac:dyDescent="0.15">
      <c r="B24" s="444"/>
      <c r="C24" s="439"/>
      <c r="D24" s="439"/>
      <c r="E24" s="439"/>
      <c r="F24" s="445"/>
      <c r="G24" s="295"/>
      <c r="I24" s="318" t="s">
        <v>182</v>
      </c>
      <c r="J24" s="143" t="s">
        <v>380</v>
      </c>
      <c r="K24" s="259"/>
      <c r="L24" s="259"/>
      <c r="M24" s="259"/>
      <c r="N24" s="259"/>
      <c r="O24" s="259"/>
      <c r="P24" s="259"/>
      <c r="Q24" s="259"/>
      <c r="R24" s="259"/>
      <c r="S24" s="259"/>
      <c r="T24" s="259"/>
      <c r="U24" s="300"/>
      <c r="V24" s="393"/>
      <c r="W24" s="398"/>
      <c r="X24" s="300" t="s">
        <v>181</v>
      </c>
      <c r="Y24" s="134"/>
      <c r="Z24" s="91"/>
      <c r="AA24" s="109" t="s">
        <v>0</v>
      </c>
      <c r="AB24" s="109" t="s">
        <v>95</v>
      </c>
      <c r="AC24" s="109" t="s">
        <v>0</v>
      </c>
      <c r="AD24" s="88"/>
    </row>
    <row r="25" spans="2:30" s="290" customFormat="1" ht="24" customHeight="1" x14ac:dyDescent="0.15">
      <c r="B25" s="444"/>
      <c r="C25" s="439"/>
      <c r="D25" s="439"/>
      <c r="E25" s="439"/>
      <c r="F25" s="445"/>
      <c r="G25" s="295"/>
      <c r="I25" s="505" t="s">
        <v>421</v>
      </c>
      <c r="J25" s="505"/>
      <c r="K25" s="505"/>
      <c r="L25" s="505"/>
      <c r="M25" s="505"/>
      <c r="N25" s="505"/>
      <c r="O25" s="505"/>
      <c r="P25" s="505"/>
      <c r="Q25" s="505"/>
      <c r="R25" s="505"/>
      <c r="S25" s="505"/>
      <c r="T25" s="505"/>
      <c r="U25" s="505"/>
      <c r="V25" s="505"/>
      <c r="W25" s="505"/>
      <c r="X25" s="505"/>
      <c r="Y25" s="134"/>
      <c r="Z25" s="291"/>
      <c r="AA25" s="272"/>
      <c r="AB25" s="272"/>
      <c r="AC25" s="272"/>
      <c r="AD25" s="292"/>
    </row>
    <row r="26" spans="2:30" s="290" customFormat="1" x14ac:dyDescent="0.15">
      <c r="B26" s="444"/>
      <c r="C26" s="439"/>
      <c r="D26" s="439"/>
      <c r="E26" s="439"/>
      <c r="F26" s="445"/>
      <c r="G26" s="295"/>
      <c r="H26" s="290" t="s">
        <v>381</v>
      </c>
      <c r="Z26" s="295"/>
      <c r="AC26" s="2"/>
      <c r="AD26" s="88"/>
    </row>
    <row r="27" spans="2:30" s="290" customFormat="1" ht="15.75" customHeight="1" x14ac:dyDescent="0.15">
      <c r="B27" s="444"/>
      <c r="C27" s="439"/>
      <c r="D27" s="439"/>
      <c r="E27" s="439"/>
      <c r="F27" s="445"/>
      <c r="G27" s="295"/>
      <c r="H27" s="290" t="s">
        <v>382</v>
      </c>
      <c r="T27" s="134"/>
      <c r="V27" s="134"/>
      <c r="Z27" s="295"/>
      <c r="AC27" s="2"/>
      <c r="AD27" s="88"/>
    </row>
    <row r="28" spans="2:30" s="290" customFormat="1" ht="29.25" customHeight="1" x14ac:dyDescent="0.15">
      <c r="B28" s="444"/>
      <c r="C28" s="439"/>
      <c r="D28" s="439"/>
      <c r="E28" s="439"/>
      <c r="F28" s="445"/>
      <c r="G28" s="295"/>
      <c r="I28" s="285" t="s">
        <v>264</v>
      </c>
      <c r="J28" s="506" t="s">
        <v>383</v>
      </c>
      <c r="K28" s="506"/>
      <c r="L28" s="506"/>
      <c r="M28" s="506"/>
      <c r="N28" s="506"/>
      <c r="O28" s="506"/>
      <c r="P28" s="506"/>
      <c r="Q28" s="506"/>
      <c r="R28" s="506"/>
      <c r="S28" s="506"/>
      <c r="T28" s="506"/>
      <c r="U28" s="506"/>
      <c r="V28" s="393"/>
      <c r="W28" s="398"/>
      <c r="X28" s="287" t="s">
        <v>181</v>
      </c>
      <c r="Y28" s="134"/>
      <c r="Z28" s="91"/>
      <c r="AA28" s="109" t="s">
        <v>0</v>
      </c>
      <c r="AB28" s="109" t="s">
        <v>95</v>
      </c>
      <c r="AC28" s="109" t="s">
        <v>0</v>
      </c>
      <c r="AD28" s="88"/>
    </row>
    <row r="29" spans="2:30" s="290" customFormat="1" ht="4.5" customHeight="1" x14ac:dyDescent="0.15">
      <c r="B29" s="446"/>
      <c r="C29" s="447"/>
      <c r="D29" s="447"/>
      <c r="E29" s="447"/>
      <c r="F29" s="448"/>
      <c r="G29" s="299"/>
      <c r="H29" s="259"/>
      <c r="I29" s="259"/>
      <c r="J29" s="259"/>
      <c r="K29" s="259"/>
      <c r="L29" s="259"/>
      <c r="M29" s="259"/>
      <c r="N29" s="259"/>
      <c r="O29" s="259"/>
      <c r="P29" s="259"/>
      <c r="Q29" s="259"/>
      <c r="R29" s="259"/>
      <c r="S29" s="259"/>
      <c r="T29" s="135"/>
      <c r="U29" s="135"/>
      <c r="V29" s="259"/>
      <c r="W29" s="259"/>
      <c r="X29" s="259"/>
      <c r="Y29" s="259"/>
      <c r="Z29" s="299"/>
      <c r="AA29" s="259"/>
      <c r="AB29" s="259"/>
      <c r="AC29" s="317"/>
      <c r="AD29" s="325"/>
    </row>
    <row r="30" spans="2:30" s="290" customFormat="1" ht="7.5" customHeight="1" x14ac:dyDescent="0.15">
      <c r="B30" s="289"/>
      <c r="C30" s="289"/>
      <c r="D30" s="289"/>
      <c r="E30" s="289"/>
      <c r="F30" s="289"/>
      <c r="T30" s="134"/>
      <c r="U30" s="134"/>
    </row>
    <row r="31" spans="2:30" s="290" customFormat="1" x14ac:dyDescent="0.15">
      <c r="B31" s="290" t="s">
        <v>384</v>
      </c>
      <c r="C31" s="289"/>
      <c r="D31" s="289"/>
      <c r="E31" s="289"/>
      <c r="F31" s="289"/>
      <c r="T31" s="134"/>
      <c r="U31" s="134"/>
    </row>
    <row r="32" spans="2:30" s="290" customFormat="1" ht="4.5" customHeight="1" x14ac:dyDescent="0.15">
      <c r="B32" s="289"/>
      <c r="C32" s="289"/>
      <c r="D32" s="289"/>
      <c r="E32" s="289"/>
      <c r="F32" s="289"/>
      <c r="T32" s="134"/>
      <c r="U32" s="134"/>
    </row>
    <row r="33" spans="1:31" s="290" customFormat="1" ht="4.5" customHeight="1" x14ac:dyDescent="0.15">
      <c r="B33" s="441" t="s">
        <v>377</v>
      </c>
      <c r="C33" s="442"/>
      <c r="D33" s="442"/>
      <c r="E33" s="442"/>
      <c r="F33" s="443"/>
      <c r="G33" s="296"/>
      <c r="H33" s="297"/>
      <c r="I33" s="297"/>
      <c r="J33" s="297"/>
      <c r="K33" s="297"/>
      <c r="L33" s="297"/>
      <c r="M33" s="297"/>
      <c r="N33" s="297"/>
      <c r="O33" s="297"/>
      <c r="P33" s="297"/>
      <c r="Q33" s="297"/>
      <c r="R33" s="297"/>
      <c r="S33" s="297"/>
      <c r="T33" s="297"/>
      <c r="U33" s="297"/>
      <c r="V33" s="297"/>
      <c r="W33" s="297"/>
      <c r="X33" s="297"/>
      <c r="Y33" s="297"/>
      <c r="Z33" s="296"/>
      <c r="AA33" s="297"/>
      <c r="AB33" s="297"/>
      <c r="AC33" s="323"/>
      <c r="AD33" s="324"/>
    </row>
    <row r="34" spans="1:31" s="290" customFormat="1" ht="16.5" customHeight="1" x14ac:dyDescent="0.15">
      <c r="B34" s="444"/>
      <c r="C34" s="439"/>
      <c r="D34" s="439"/>
      <c r="E34" s="439"/>
      <c r="F34" s="445"/>
      <c r="G34" s="295"/>
      <c r="H34" s="290" t="s">
        <v>405</v>
      </c>
      <c r="V34" s="272"/>
      <c r="W34" s="272"/>
      <c r="Z34" s="295"/>
      <c r="AA34" s="94" t="s">
        <v>94</v>
      </c>
      <c r="AB34" s="94" t="s">
        <v>95</v>
      </c>
      <c r="AC34" s="94" t="s">
        <v>96</v>
      </c>
      <c r="AD34" s="131"/>
    </row>
    <row r="35" spans="1:31" s="290" customFormat="1" ht="29.25" customHeight="1" x14ac:dyDescent="0.15">
      <c r="B35" s="444"/>
      <c r="C35" s="439"/>
      <c r="D35" s="439"/>
      <c r="E35" s="439"/>
      <c r="F35" s="445"/>
      <c r="G35" s="295"/>
      <c r="I35" s="285" t="s">
        <v>180</v>
      </c>
      <c r="J35" s="476" t="s">
        <v>420</v>
      </c>
      <c r="K35" s="473"/>
      <c r="L35" s="473"/>
      <c r="M35" s="473"/>
      <c r="N35" s="473"/>
      <c r="O35" s="473"/>
      <c r="P35" s="473"/>
      <c r="Q35" s="473"/>
      <c r="R35" s="473"/>
      <c r="S35" s="473"/>
      <c r="T35" s="473"/>
      <c r="U35" s="286"/>
      <c r="V35" s="398"/>
      <c r="W35" s="399"/>
      <c r="X35" s="287" t="s">
        <v>181</v>
      </c>
      <c r="Z35" s="295"/>
      <c r="AA35" s="335"/>
      <c r="AB35" s="272"/>
      <c r="AC35" s="335"/>
      <c r="AD35" s="88"/>
    </row>
    <row r="36" spans="1:31" s="290" customFormat="1" ht="15.75" customHeight="1" x14ac:dyDescent="0.15">
      <c r="B36" s="444"/>
      <c r="C36" s="439"/>
      <c r="D36" s="439"/>
      <c r="E36" s="439"/>
      <c r="F36" s="445"/>
      <c r="G36" s="295"/>
      <c r="I36" s="318" t="s">
        <v>182</v>
      </c>
      <c r="J36" s="137" t="s">
        <v>380</v>
      </c>
      <c r="K36" s="259"/>
      <c r="L36" s="259"/>
      <c r="M36" s="259"/>
      <c r="N36" s="259"/>
      <c r="O36" s="259"/>
      <c r="P36" s="259"/>
      <c r="Q36" s="259"/>
      <c r="R36" s="259"/>
      <c r="S36" s="259"/>
      <c r="T36" s="259"/>
      <c r="U36" s="259"/>
      <c r="V36" s="404"/>
      <c r="W36" s="405"/>
      <c r="X36" s="300" t="s">
        <v>181</v>
      </c>
      <c r="Y36" s="134"/>
      <c r="Z36" s="91"/>
      <c r="AA36" s="109" t="s">
        <v>0</v>
      </c>
      <c r="AB36" s="109" t="s">
        <v>95</v>
      </c>
      <c r="AC36" s="109" t="s">
        <v>0</v>
      </c>
      <c r="AD36" s="88"/>
    </row>
    <row r="37" spans="1:31" s="290" customFormat="1" ht="24" customHeight="1" x14ac:dyDescent="0.15">
      <c r="B37" s="444"/>
      <c r="C37" s="439"/>
      <c r="D37" s="439"/>
      <c r="E37" s="439"/>
      <c r="F37" s="445"/>
      <c r="G37" s="295"/>
      <c r="I37" s="505" t="s">
        <v>421</v>
      </c>
      <c r="J37" s="505"/>
      <c r="K37" s="505"/>
      <c r="L37" s="505"/>
      <c r="M37" s="505"/>
      <c r="N37" s="505"/>
      <c r="O37" s="505"/>
      <c r="P37" s="505"/>
      <c r="Q37" s="505"/>
      <c r="R37" s="505"/>
      <c r="S37" s="505"/>
      <c r="T37" s="505"/>
      <c r="U37" s="505"/>
      <c r="V37" s="505"/>
      <c r="W37" s="505"/>
      <c r="X37" s="505"/>
      <c r="Y37" s="134"/>
      <c r="Z37" s="291"/>
      <c r="AA37" s="272"/>
      <c r="AB37" s="272"/>
      <c r="AC37" s="272"/>
      <c r="AD37" s="292"/>
    </row>
    <row r="38" spans="1:31" s="290" customFormat="1" ht="4.5" customHeight="1" x14ac:dyDescent="0.15">
      <c r="A38" s="294"/>
      <c r="B38" s="447"/>
      <c r="C38" s="447"/>
      <c r="D38" s="447"/>
      <c r="E38" s="447"/>
      <c r="F38" s="448"/>
      <c r="G38" s="299"/>
      <c r="H38" s="259"/>
      <c r="I38" s="259"/>
      <c r="J38" s="259"/>
      <c r="K38" s="259"/>
      <c r="L38" s="259"/>
      <c r="M38" s="259"/>
      <c r="N38" s="259"/>
      <c r="O38" s="259"/>
      <c r="P38" s="259"/>
      <c r="Q38" s="259"/>
      <c r="R38" s="259"/>
      <c r="S38" s="259"/>
      <c r="T38" s="135"/>
      <c r="U38" s="135"/>
      <c r="V38" s="259"/>
      <c r="W38" s="259"/>
      <c r="X38" s="259"/>
      <c r="Y38" s="259"/>
      <c r="Z38" s="299"/>
      <c r="AA38" s="259"/>
      <c r="AB38" s="259"/>
      <c r="AC38" s="317"/>
      <c r="AD38" s="325"/>
      <c r="AE38" s="295"/>
    </row>
    <row r="39" spans="1:31" s="290" customFormat="1" ht="7.5" customHeight="1" x14ac:dyDescent="0.15">
      <c r="B39" s="289"/>
      <c r="C39" s="264"/>
      <c r="D39" s="289"/>
      <c r="E39" s="289"/>
      <c r="F39" s="289"/>
      <c r="T39" s="134"/>
      <c r="U39" s="134"/>
    </row>
    <row r="40" spans="1:31" s="290" customFormat="1" ht="13.5" customHeight="1" x14ac:dyDescent="0.15">
      <c r="B40" s="290" t="s">
        <v>422</v>
      </c>
      <c r="C40" s="289"/>
      <c r="D40" s="289"/>
      <c r="E40" s="289"/>
      <c r="F40" s="289"/>
      <c r="T40" s="134"/>
      <c r="U40" s="134"/>
    </row>
    <row r="41" spans="1:31" s="290" customFormat="1" x14ac:dyDescent="0.15">
      <c r="B41" s="145" t="s">
        <v>389</v>
      </c>
      <c r="C41" s="260"/>
      <c r="D41" s="289"/>
      <c r="E41" s="289"/>
      <c r="F41" s="289"/>
      <c r="T41" s="134"/>
      <c r="U41" s="134"/>
    </row>
    <row r="42" spans="1:31" s="290" customFormat="1" ht="4.5" customHeight="1" x14ac:dyDescent="0.15">
      <c r="B42" s="441" t="s">
        <v>377</v>
      </c>
      <c r="C42" s="442"/>
      <c r="D42" s="442"/>
      <c r="E42" s="442"/>
      <c r="F42" s="443"/>
      <c r="G42" s="296"/>
      <c r="H42" s="297"/>
      <c r="I42" s="297"/>
      <c r="J42" s="297"/>
      <c r="K42" s="297"/>
      <c r="L42" s="297"/>
      <c r="M42" s="297"/>
      <c r="N42" s="297"/>
      <c r="O42" s="297"/>
      <c r="P42" s="297"/>
      <c r="Q42" s="297"/>
      <c r="R42" s="297"/>
      <c r="S42" s="297"/>
      <c r="T42" s="297"/>
      <c r="U42" s="297"/>
      <c r="V42" s="297"/>
      <c r="W42" s="297"/>
      <c r="X42" s="297"/>
      <c r="Y42" s="297"/>
      <c r="Z42" s="296"/>
      <c r="AA42" s="297"/>
      <c r="AB42" s="297"/>
      <c r="AC42" s="323"/>
      <c r="AD42" s="324"/>
    </row>
    <row r="43" spans="1:31" s="290" customFormat="1" ht="15.75" customHeight="1" x14ac:dyDescent="0.15">
      <c r="B43" s="444"/>
      <c r="C43" s="439"/>
      <c r="D43" s="439"/>
      <c r="E43" s="439"/>
      <c r="F43" s="445"/>
      <c r="G43" s="295"/>
      <c r="H43" s="290" t="s">
        <v>385</v>
      </c>
      <c r="Z43" s="295"/>
      <c r="AA43" s="94" t="s">
        <v>94</v>
      </c>
      <c r="AB43" s="94" t="s">
        <v>95</v>
      </c>
      <c r="AC43" s="94" t="s">
        <v>96</v>
      </c>
      <c r="AD43" s="131"/>
    </row>
    <row r="44" spans="1:31" s="290" customFormat="1" ht="29.25" customHeight="1" x14ac:dyDescent="0.15">
      <c r="B44" s="444"/>
      <c r="C44" s="439"/>
      <c r="D44" s="439"/>
      <c r="E44" s="439"/>
      <c r="F44" s="445"/>
      <c r="G44" s="295"/>
      <c r="I44" s="285" t="s">
        <v>180</v>
      </c>
      <c r="J44" s="476" t="s">
        <v>420</v>
      </c>
      <c r="K44" s="473"/>
      <c r="L44" s="473"/>
      <c r="M44" s="473"/>
      <c r="N44" s="473"/>
      <c r="O44" s="473"/>
      <c r="P44" s="473"/>
      <c r="Q44" s="473"/>
      <c r="R44" s="473"/>
      <c r="S44" s="473"/>
      <c r="T44" s="473"/>
      <c r="U44" s="287"/>
      <c r="V44" s="393"/>
      <c r="W44" s="398"/>
      <c r="X44" s="287" t="s">
        <v>181</v>
      </c>
      <c r="Z44" s="295"/>
      <c r="AA44" s="335"/>
      <c r="AB44" s="272"/>
      <c r="AC44" s="335"/>
      <c r="AD44" s="88"/>
    </row>
    <row r="45" spans="1:31" s="290" customFormat="1" ht="15.75" customHeight="1" x14ac:dyDescent="0.15">
      <c r="B45" s="444"/>
      <c r="C45" s="439"/>
      <c r="D45" s="439"/>
      <c r="E45" s="439"/>
      <c r="F45" s="445"/>
      <c r="G45" s="295"/>
      <c r="I45" s="318" t="s">
        <v>182</v>
      </c>
      <c r="J45" s="137" t="s">
        <v>380</v>
      </c>
      <c r="K45" s="259"/>
      <c r="L45" s="259"/>
      <c r="M45" s="259"/>
      <c r="N45" s="259"/>
      <c r="O45" s="259"/>
      <c r="P45" s="259"/>
      <c r="Q45" s="259"/>
      <c r="R45" s="259"/>
      <c r="S45" s="259"/>
      <c r="T45" s="259"/>
      <c r="U45" s="300"/>
      <c r="V45" s="393"/>
      <c r="W45" s="398"/>
      <c r="X45" s="300" t="s">
        <v>181</v>
      </c>
      <c r="Y45" s="134"/>
      <c r="Z45" s="91"/>
      <c r="AA45" s="109" t="s">
        <v>0</v>
      </c>
      <c r="AB45" s="109" t="s">
        <v>95</v>
      </c>
      <c r="AC45" s="109" t="s">
        <v>0</v>
      </c>
      <c r="AD45" s="88"/>
    </row>
    <row r="46" spans="1:31" s="290" customFormat="1" ht="24" customHeight="1" x14ac:dyDescent="0.15">
      <c r="B46" s="444"/>
      <c r="C46" s="439"/>
      <c r="D46" s="439"/>
      <c r="E46" s="439"/>
      <c r="F46" s="445"/>
      <c r="G46" s="295"/>
      <c r="I46" s="505" t="s">
        <v>421</v>
      </c>
      <c r="J46" s="505"/>
      <c r="K46" s="505"/>
      <c r="L46" s="505"/>
      <c r="M46" s="505"/>
      <c r="N46" s="505"/>
      <c r="O46" s="505"/>
      <c r="P46" s="505"/>
      <c r="Q46" s="505"/>
      <c r="R46" s="505"/>
      <c r="S46" s="505"/>
      <c r="T46" s="505"/>
      <c r="U46" s="505"/>
      <c r="V46" s="505"/>
      <c r="W46" s="505"/>
      <c r="X46" s="505"/>
      <c r="Y46" s="134"/>
      <c r="Z46" s="291"/>
      <c r="AA46" s="272"/>
      <c r="AB46" s="272"/>
      <c r="AC46" s="272"/>
      <c r="AD46" s="292"/>
    </row>
    <row r="47" spans="1:31" s="290" customFormat="1" ht="4.5" customHeight="1" x14ac:dyDescent="0.15">
      <c r="B47" s="446"/>
      <c r="C47" s="447"/>
      <c r="D47" s="447"/>
      <c r="E47" s="447"/>
      <c r="F47" s="448"/>
      <c r="G47" s="299"/>
      <c r="H47" s="259"/>
      <c r="I47" s="259"/>
      <c r="J47" s="259"/>
      <c r="K47" s="259"/>
      <c r="L47" s="259"/>
      <c r="M47" s="259"/>
      <c r="N47" s="259"/>
      <c r="O47" s="259"/>
      <c r="P47" s="259"/>
      <c r="Q47" s="259"/>
      <c r="R47" s="259"/>
      <c r="S47" s="259"/>
      <c r="T47" s="135"/>
      <c r="U47" s="135"/>
      <c r="V47" s="259"/>
      <c r="W47" s="259"/>
      <c r="X47" s="259"/>
      <c r="Y47" s="259"/>
      <c r="Z47" s="299"/>
      <c r="AA47" s="259"/>
      <c r="AB47" s="259"/>
      <c r="AC47" s="317"/>
      <c r="AD47" s="325"/>
    </row>
    <row r="48" spans="1:31" s="290" customFormat="1" ht="4.5" customHeight="1" x14ac:dyDescent="0.15">
      <c r="B48" s="441" t="s">
        <v>412</v>
      </c>
      <c r="C48" s="442"/>
      <c r="D48" s="442"/>
      <c r="E48" s="442"/>
      <c r="F48" s="443"/>
      <c r="G48" s="296"/>
      <c r="H48" s="297"/>
      <c r="I48" s="297"/>
      <c r="J48" s="297"/>
      <c r="K48" s="297"/>
      <c r="L48" s="297"/>
      <c r="M48" s="297"/>
      <c r="N48" s="297"/>
      <c r="O48" s="297"/>
      <c r="P48" s="297"/>
      <c r="Q48" s="297"/>
      <c r="R48" s="297"/>
      <c r="S48" s="297"/>
      <c r="T48" s="297"/>
      <c r="U48" s="297"/>
      <c r="V48" s="297"/>
      <c r="W48" s="297"/>
      <c r="X48" s="297"/>
      <c r="Y48" s="297"/>
      <c r="Z48" s="296"/>
      <c r="AA48" s="297"/>
      <c r="AB48" s="297"/>
      <c r="AC48" s="323"/>
      <c r="AD48" s="324"/>
    </row>
    <row r="49" spans="2:30" s="290" customFormat="1" ht="15.75" customHeight="1" x14ac:dyDescent="0.15">
      <c r="B49" s="444"/>
      <c r="C49" s="439"/>
      <c r="D49" s="439"/>
      <c r="E49" s="439"/>
      <c r="F49" s="445"/>
      <c r="G49" s="295"/>
      <c r="H49" s="290" t="s">
        <v>378</v>
      </c>
      <c r="Z49" s="295"/>
      <c r="AA49" s="94" t="s">
        <v>94</v>
      </c>
      <c r="AB49" s="94" t="s">
        <v>95</v>
      </c>
      <c r="AC49" s="94" t="s">
        <v>96</v>
      </c>
      <c r="AD49" s="131"/>
    </row>
    <row r="50" spans="2:30" s="290" customFormat="1" ht="18" customHeight="1" x14ac:dyDescent="0.15">
      <c r="B50" s="444"/>
      <c r="C50" s="439"/>
      <c r="D50" s="439"/>
      <c r="E50" s="439"/>
      <c r="F50" s="445"/>
      <c r="G50" s="295"/>
      <c r="I50" s="285" t="s">
        <v>180</v>
      </c>
      <c r="J50" s="474" t="s">
        <v>393</v>
      </c>
      <c r="K50" s="475"/>
      <c r="L50" s="475"/>
      <c r="M50" s="475"/>
      <c r="N50" s="475"/>
      <c r="O50" s="475"/>
      <c r="P50" s="475"/>
      <c r="Q50" s="475"/>
      <c r="R50" s="475"/>
      <c r="S50" s="475"/>
      <c r="T50" s="475"/>
      <c r="U50" s="287"/>
      <c r="V50" s="393"/>
      <c r="W50" s="398"/>
      <c r="X50" s="287" t="s">
        <v>181</v>
      </c>
      <c r="Z50" s="295"/>
      <c r="AA50" s="335"/>
      <c r="AB50" s="272"/>
      <c r="AC50" s="335"/>
      <c r="AD50" s="88"/>
    </row>
    <row r="51" spans="2:30" s="290" customFormat="1" ht="18" customHeight="1" x14ac:dyDescent="0.15">
      <c r="B51" s="444"/>
      <c r="C51" s="439"/>
      <c r="D51" s="439"/>
      <c r="E51" s="439"/>
      <c r="F51" s="445"/>
      <c r="G51" s="295"/>
      <c r="I51" s="318" t="s">
        <v>182</v>
      </c>
      <c r="J51" s="486" t="s">
        <v>394</v>
      </c>
      <c r="K51" s="487"/>
      <c r="L51" s="487"/>
      <c r="M51" s="487"/>
      <c r="N51" s="487"/>
      <c r="O51" s="487"/>
      <c r="P51" s="487"/>
      <c r="Q51" s="487"/>
      <c r="R51" s="487"/>
      <c r="S51" s="487"/>
      <c r="T51" s="487"/>
      <c r="U51" s="300"/>
      <c r="V51" s="429"/>
      <c r="W51" s="404"/>
      <c r="X51" s="300" t="s">
        <v>181</v>
      </c>
      <c r="Y51" s="134"/>
      <c r="Z51" s="91"/>
      <c r="AA51" s="109" t="s">
        <v>0</v>
      </c>
      <c r="AB51" s="109" t="s">
        <v>95</v>
      </c>
      <c r="AC51" s="109" t="s">
        <v>0</v>
      </c>
      <c r="AD51" s="88"/>
    </row>
    <row r="52" spans="2:30" s="290" customFormat="1" ht="4.5" customHeight="1" x14ac:dyDescent="0.15">
      <c r="B52" s="446"/>
      <c r="C52" s="447"/>
      <c r="D52" s="447"/>
      <c r="E52" s="447"/>
      <c r="F52" s="448"/>
      <c r="G52" s="299"/>
      <c r="H52" s="259"/>
      <c r="I52" s="259"/>
      <c r="J52" s="259"/>
      <c r="K52" s="259"/>
      <c r="L52" s="259"/>
      <c r="M52" s="259"/>
      <c r="N52" s="259"/>
      <c r="O52" s="259"/>
      <c r="P52" s="259"/>
      <c r="Q52" s="259"/>
      <c r="R52" s="259"/>
      <c r="S52" s="259"/>
      <c r="T52" s="135"/>
      <c r="U52" s="135"/>
      <c r="V52" s="256"/>
      <c r="W52" s="256"/>
      <c r="X52" s="259"/>
      <c r="Y52" s="259"/>
      <c r="Z52" s="299"/>
      <c r="AA52" s="259"/>
      <c r="AB52" s="259"/>
      <c r="AC52" s="317"/>
      <c r="AD52" s="325"/>
    </row>
    <row r="53" spans="2:30" s="290" customFormat="1" ht="4.5" customHeight="1" x14ac:dyDescent="0.15">
      <c r="B53" s="441" t="s">
        <v>395</v>
      </c>
      <c r="C53" s="442"/>
      <c r="D53" s="442"/>
      <c r="E53" s="442"/>
      <c r="F53" s="443"/>
      <c r="G53" s="296"/>
      <c r="H53" s="297"/>
      <c r="I53" s="297"/>
      <c r="J53" s="297"/>
      <c r="K53" s="297"/>
      <c r="L53" s="297"/>
      <c r="M53" s="297"/>
      <c r="N53" s="297"/>
      <c r="O53" s="297"/>
      <c r="P53" s="297"/>
      <c r="Q53" s="297"/>
      <c r="R53" s="297"/>
      <c r="S53" s="297"/>
      <c r="T53" s="297"/>
      <c r="U53" s="297"/>
      <c r="V53" s="253"/>
      <c r="W53" s="253"/>
      <c r="X53" s="297"/>
      <c r="Y53" s="297"/>
      <c r="Z53" s="296"/>
      <c r="AA53" s="297"/>
      <c r="AB53" s="297"/>
      <c r="AC53" s="323"/>
      <c r="AD53" s="324"/>
    </row>
    <row r="54" spans="2:30" s="290" customFormat="1" ht="15.75" customHeight="1" x14ac:dyDescent="0.15">
      <c r="B54" s="444"/>
      <c r="C54" s="439"/>
      <c r="D54" s="439"/>
      <c r="E54" s="439"/>
      <c r="F54" s="445"/>
      <c r="G54" s="295"/>
      <c r="H54" s="290" t="s">
        <v>390</v>
      </c>
      <c r="V54" s="272"/>
      <c r="W54" s="272"/>
      <c r="Z54" s="295"/>
      <c r="AA54" s="94" t="s">
        <v>94</v>
      </c>
      <c r="AB54" s="94" t="s">
        <v>95</v>
      </c>
      <c r="AC54" s="94" t="s">
        <v>96</v>
      </c>
      <c r="AD54" s="131"/>
    </row>
    <row r="55" spans="2:30" s="290" customFormat="1" ht="18.75" customHeight="1" x14ac:dyDescent="0.15">
      <c r="B55" s="444"/>
      <c r="C55" s="439"/>
      <c r="D55" s="439"/>
      <c r="E55" s="439"/>
      <c r="F55" s="445"/>
      <c r="G55" s="295"/>
      <c r="I55" s="285" t="s">
        <v>180</v>
      </c>
      <c r="J55" s="474" t="s">
        <v>423</v>
      </c>
      <c r="K55" s="475"/>
      <c r="L55" s="475"/>
      <c r="M55" s="475"/>
      <c r="N55" s="475"/>
      <c r="O55" s="475"/>
      <c r="P55" s="475"/>
      <c r="Q55" s="475"/>
      <c r="R55" s="475"/>
      <c r="S55" s="475"/>
      <c r="T55" s="475"/>
      <c r="U55" s="287"/>
      <c r="V55" s="393"/>
      <c r="W55" s="398"/>
      <c r="X55" s="287" t="s">
        <v>181</v>
      </c>
      <c r="Z55" s="295"/>
      <c r="AA55" s="335"/>
      <c r="AB55" s="272"/>
      <c r="AC55" s="335"/>
      <c r="AD55" s="88"/>
    </row>
    <row r="56" spans="2:30" s="290" customFormat="1" ht="29.25" customHeight="1" x14ac:dyDescent="0.15">
      <c r="B56" s="444"/>
      <c r="C56" s="439"/>
      <c r="D56" s="439"/>
      <c r="E56" s="439"/>
      <c r="F56" s="445"/>
      <c r="G56" s="295"/>
      <c r="I56" s="318" t="s">
        <v>182</v>
      </c>
      <c r="J56" s="486" t="s">
        <v>396</v>
      </c>
      <c r="K56" s="487"/>
      <c r="L56" s="487"/>
      <c r="M56" s="487"/>
      <c r="N56" s="487"/>
      <c r="O56" s="487"/>
      <c r="P56" s="487"/>
      <c r="Q56" s="487"/>
      <c r="R56" s="487"/>
      <c r="S56" s="487"/>
      <c r="T56" s="487"/>
      <c r="U56" s="300"/>
      <c r="V56" s="429"/>
      <c r="W56" s="404"/>
      <c r="X56" s="300" t="s">
        <v>181</v>
      </c>
      <c r="Y56" s="134"/>
      <c r="Z56" s="91"/>
      <c r="AA56" s="109" t="s">
        <v>0</v>
      </c>
      <c r="AB56" s="109" t="s">
        <v>95</v>
      </c>
      <c r="AC56" s="109" t="s">
        <v>0</v>
      </c>
      <c r="AD56" s="88"/>
    </row>
    <row r="57" spans="2:30" s="290" customFormat="1" ht="4.5" customHeight="1" x14ac:dyDescent="0.15">
      <c r="B57" s="446"/>
      <c r="C57" s="447"/>
      <c r="D57" s="447"/>
      <c r="E57" s="447"/>
      <c r="F57" s="448"/>
      <c r="G57" s="299"/>
      <c r="H57" s="259"/>
      <c r="I57" s="259"/>
      <c r="J57" s="259"/>
      <c r="K57" s="259"/>
      <c r="L57" s="259"/>
      <c r="M57" s="259"/>
      <c r="N57" s="259"/>
      <c r="O57" s="259"/>
      <c r="P57" s="259"/>
      <c r="Q57" s="259"/>
      <c r="R57" s="259"/>
      <c r="S57" s="259"/>
      <c r="T57" s="135"/>
      <c r="U57" s="135"/>
      <c r="V57" s="259"/>
      <c r="W57" s="259"/>
      <c r="X57" s="259"/>
      <c r="Y57" s="259"/>
      <c r="Z57" s="299"/>
      <c r="AA57" s="259"/>
      <c r="AB57" s="259"/>
      <c r="AC57" s="317"/>
      <c r="AD57" s="325"/>
    </row>
    <row r="58" spans="2:30" s="290" customFormat="1" ht="4.5" customHeight="1" x14ac:dyDescent="0.15">
      <c r="B58" s="289"/>
      <c r="C58" s="289"/>
      <c r="D58" s="289"/>
      <c r="E58" s="289"/>
      <c r="F58" s="289"/>
      <c r="T58" s="134"/>
      <c r="U58" s="134"/>
    </row>
    <row r="59" spans="2:30" s="290" customFormat="1" ht="13.5" customHeight="1" x14ac:dyDescent="0.15">
      <c r="B59" s="490" t="s">
        <v>397</v>
      </c>
      <c r="C59" s="477"/>
      <c r="D59" s="139" t="s">
        <v>291</v>
      </c>
      <c r="E59" s="139"/>
      <c r="F59" s="139"/>
      <c r="G59" s="139"/>
      <c r="H59" s="139"/>
      <c r="I59" s="139"/>
      <c r="J59" s="139"/>
      <c r="K59" s="139"/>
      <c r="L59" s="139"/>
      <c r="M59" s="139"/>
      <c r="N59" s="139"/>
      <c r="O59" s="139"/>
      <c r="P59" s="139"/>
      <c r="Q59" s="139"/>
      <c r="R59" s="139"/>
      <c r="S59" s="139"/>
      <c r="T59" s="139"/>
      <c r="U59" s="139"/>
      <c r="V59" s="139"/>
      <c r="W59" s="139"/>
      <c r="X59" s="139"/>
      <c r="Y59" s="139"/>
      <c r="Z59" s="139"/>
      <c r="AA59" s="139"/>
      <c r="AB59" s="139"/>
      <c r="AC59" s="139"/>
      <c r="AD59" s="139"/>
    </row>
    <row r="60" spans="2:30" s="290" customFormat="1" ht="34.5" customHeight="1" x14ac:dyDescent="0.15">
      <c r="B60" s="490" t="s">
        <v>416</v>
      </c>
      <c r="C60" s="477"/>
      <c r="D60" s="478" t="s">
        <v>424</v>
      </c>
      <c r="E60" s="478"/>
      <c r="F60" s="478"/>
      <c r="G60" s="478"/>
      <c r="H60" s="478"/>
      <c r="I60" s="478"/>
      <c r="J60" s="478"/>
      <c r="K60" s="478"/>
      <c r="L60" s="478"/>
      <c r="M60" s="478"/>
      <c r="N60" s="478"/>
      <c r="O60" s="478"/>
      <c r="P60" s="478"/>
      <c r="Q60" s="478"/>
      <c r="R60" s="478"/>
      <c r="S60" s="478"/>
      <c r="T60" s="478"/>
      <c r="U60" s="478"/>
      <c r="V60" s="478"/>
      <c r="W60" s="478"/>
      <c r="X60" s="478"/>
      <c r="Y60" s="478"/>
      <c r="Z60" s="478"/>
      <c r="AA60" s="478"/>
      <c r="AB60" s="478"/>
      <c r="AC60" s="478"/>
      <c r="AD60" s="478"/>
    </row>
    <row r="61" spans="2:30" s="290" customFormat="1" ht="71.25" customHeight="1" x14ac:dyDescent="0.15">
      <c r="B61" s="260"/>
      <c r="C61" s="260"/>
      <c r="D61" s="260"/>
      <c r="E61" s="260"/>
      <c r="F61" s="260"/>
      <c r="G61" s="260"/>
      <c r="H61" s="260"/>
      <c r="I61" s="260"/>
      <c r="J61" s="260"/>
      <c r="K61" s="260"/>
      <c r="L61" s="260"/>
      <c r="M61" s="260"/>
      <c r="N61" s="260"/>
      <c r="O61" s="260"/>
      <c r="P61" s="260"/>
      <c r="Q61" s="260"/>
      <c r="R61" s="260"/>
      <c r="S61" s="260"/>
      <c r="T61" s="260"/>
      <c r="U61" s="260"/>
      <c r="V61" s="260"/>
      <c r="W61" s="260"/>
      <c r="X61" s="260"/>
      <c r="Y61" s="260"/>
      <c r="Z61" s="260"/>
      <c r="AA61" s="260"/>
      <c r="AB61" s="260"/>
      <c r="AC61" s="260"/>
      <c r="AD61" s="260"/>
    </row>
    <row r="62" spans="2:30" s="290" customFormat="1" x14ac:dyDescent="0.15">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c r="AC62" s="14"/>
      <c r="AD62" s="14"/>
    </row>
    <row r="63" spans="2:30" s="14" customFormat="1" x14ac:dyDescent="0.15"/>
    <row r="64" spans="2:30" x14ac:dyDescent="0.15">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c r="AC64" s="14"/>
      <c r="AD64" s="14"/>
    </row>
    <row r="65" spans="2:30" x14ac:dyDescent="0.15">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c r="AC65" s="14"/>
      <c r="AD65" s="14"/>
    </row>
    <row r="66" spans="2:30" s="14" customFormat="1" x14ac:dyDescent="0.15">
      <c r="B66" s="302"/>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row>
    <row r="67" spans="2:30" s="14" customFormat="1" ht="13.5" customHeight="1" x14ac:dyDescent="0.15">
      <c r="B67" s="302"/>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row>
    <row r="68" spans="2:30" s="14" customFormat="1" ht="13.5" customHeight="1" x14ac:dyDescent="0.15">
      <c r="B68" s="3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row>
    <row r="69" spans="2:30" s="14" customFormat="1" x14ac:dyDescent="0.15">
      <c r="B69" s="302"/>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row>
    <row r="70" spans="2:30" s="14" customFormat="1" x14ac:dyDescent="0.15">
      <c r="B70" s="302"/>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row>
    <row r="71" spans="2:30" s="14" customFormat="1" x14ac:dyDescent="0.15">
      <c r="B71" s="302"/>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row>
    <row r="72" spans="2:30" ht="156" customHeight="1" x14ac:dyDescent="0.15"/>
    <row r="122" spans="3:7" x14ac:dyDescent="0.15">
      <c r="C122" s="59"/>
      <c r="D122" s="59"/>
      <c r="E122" s="59"/>
      <c r="F122" s="59"/>
      <c r="G122" s="59"/>
    </row>
    <row r="123" spans="3:7" x14ac:dyDescent="0.15">
      <c r="C123" s="57"/>
    </row>
  </sheetData>
  <mergeCells count="44">
    <mergeCell ref="B59:C59"/>
    <mergeCell ref="B60:C60"/>
    <mergeCell ref="D60:AD60"/>
    <mergeCell ref="B48:F52"/>
    <mergeCell ref="J50:T50"/>
    <mergeCell ref="V50:W50"/>
    <mergeCell ref="J51:T51"/>
    <mergeCell ref="V51:W51"/>
    <mergeCell ref="B53:F57"/>
    <mergeCell ref="J55:T55"/>
    <mergeCell ref="V55:W55"/>
    <mergeCell ref="J56:T56"/>
    <mergeCell ref="V56:W56"/>
    <mergeCell ref="B33:F38"/>
    <mergeCell ref="J35:T35"/>
    <mergeCell ref="V35:W35"/>
    <mergeCell ref="V36:W36"/>
    <mergeCell ref="I37:X37"/>
    <mergeCell ref="B42:F47"/>
    <mergeCell ref="J44:T44"/>
    <mergeCell ref="V44:W44"/>
    <mergeCell ref="V45:W45"/>
    <mergeCell ref="I46:X46"/>
    <mergeCell ref="B21:F29"/>
    <mergeCell ref="J23:U23"/>
    <mergeCell ref="V23:W23"/>
    <mergeCell ref="V24:W24"/>
    <mergeCell ref="I25:X25"/>
    <mergeCell ref="J28:U28"/>
    <mergeCell ref="V28:W28"/>
    <mergeCell ref="B9:F9"/>
    <mergeCell ref="B10:F10"/>
    <mergeCell ref="B11:F12"/>
    <mergeCell ref="B14:F16"/>
    <mergeCell ref="G14:Y14"/>
    <mergeCell ref="G15:Y15"/>
    <mergeCell ref="G16:Y16"/>
    <mergeCell ref="B8:F8"/>
    <mergeCell ref="G8:AD8"/>
    <mergeCell ref="V3:W3"/>
    <mergeCell ref="Y3:Z3"/>
    <mergeCell ref="AB3:AC3"/>
    <mergeCell ref="B5:AD5"/>
    <mergeCell ref="B6:AD6"/>
  </mergeCells>
  <phoneticPr fontId="1"/>
  <dataValidations count="1">
    <dataValidation type="list" allowBlank="1" showInputMessage="1" showErrorMessage="1" sqref="G9:G12 L9 Q9 T10 S11 AA15:AA16 AC15:AC16 AA24 AC24 AA28 AC28 AA36 AC36 AA45 AC45 AA51 AC51 AA56 AC56">
      <formula1>"□,■"</formula1>
    </dataValidation>
  </dataValidations>
  <pageMargins left="0.7" right="0.7" top="0.75" bottom="0.75" header="0.3" footer="0.3"/>
  <pageSetup paperSize="9" scale="88" orientation="portrait" r:id="rId1"/>
  <rowBreaks count="1" manualBreakCount="1">
    <brk id="60" max="16383"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E123"/>
  <sheetViews>
    <sheetView zoomScaleNormal="100" zoomScaleSheetLayoutView="100" workbookViewId="0">
      <selection activeCell="F61" sqref="F61"/>
    </sheetView>
  </sheetViews>
  <sheetFormatPr defaultColWidth="3.5" defaultRowHeight="17.25" customHeight="1" x14ac:dyDescent="0.15"/>
  <cols>
    <col min="1" max="1" width="1.25" style="3" customWidth="1"/>
    <col min="2" max="2" width="3.125" style="302" customWidth="1"/>
    <col min="3" max="30" width="3.125" style="3" customWidth="1"/>
    <col min="31" max="31" width="1.25" style="3" customWidth="1"/>
    <col min="32" max="16384" width="3.5" style="3"/>
  </cols>
  <sheetData>
    <row r="1" spans="2:30" s="290" customFormat="1" ht="17.25" customHeight="1" x14ac:dyDescent="0.15"/>
    <row r="2" spans="2:30" s="290" customFormat="1" ht="17.25" customHeight="1" x14ac:dyDescent="0.15">
      <c r="B2" s="290" t="s">
        <v>917</v>
      </c>
    </row>
    <row r="3" spans="2:30" s="290" customFormat="1" ht="16.5" customHeight="1" x14ac:dyDescent="0.15">
      <c r="U3" s="283" t="s">
        <v>9</v>
      </c>
      <c r="V3" s="392"/>
      <c r="W3" s="392"/>
      <c r="X3" s="283" t="s">
        <v>10</v>
      </c>
      <c r="Y3" s="392"/>
      <c r="Z3" s="392"/>
      <c r="AA3" s="283" t="s">
        <v>11</v>
      </c>
      <c r="AB3" s="392"/>
      <c r="AC3" s="392"/>
      <c r="AD3" s="283" t="s">
        <v>81</v>
      </c>
    </row>
    <row r="4" spans="2:30" s="290" customFormat="1" ht="9.75" customHeight="1" x14ac:dyDescent="0.15">
      <c r="AD4" s="283"/>
    </row>
    <row r="5" spans="2:30" s="290" customFormat="1" ht="17.25" customHeight="1" x14ac:dyDescent="0.15">
      <c r="B5" s="392" t="s">
        <v>359</v>
      </c>
      <c r="C5" s="392"/>
      <c r="D5" s="392"/>
      <c r="E5" s="392"/>
      <c r="F5" s="392"/>
      <c r="G5" s="392"/>
      <c r="H5" s="392"/>
      <c r="I5" s="392"/>
      <c r="J5" s="392"/>
      <c r="K5" s="392"/>
      <c r="L5" s="392"/>
      <c r="M5" s="392"/>
      <c r="N5" s="392"/>
      <c r="O5" s="392"/>
      <c r="P5" s="392"/>
      <c r="Q5" s="392"/>
      <c r="R5" s="392"/>
      <c r="S5" s="392"/>
      <c r="T5" s="392"/>
      <c r="U5" s="392"/>
      <c r="V5" s="392"/>
      <c r="W5" s="392"/>
      <c r="X5" s="392"/>
      <c r="Y5" s="392"/>
      <c r="Z5" s="392"/>
      <c r="AA5" s="392"/>
      <c r="AB5" s="392"/>
      <c r="AC5" s="392"/>
      <c r="AD5" s="392"/>
    </row>
    <row r="6" spans="2:30" s="290" customFormat="1" ht="32.25" customHeight="1" x14ac:dyDescent="0.15">
      <c r="B6" s="439" t="s">
        <v>425</v>
      </c>
      <c r="C6" s="439"/>
      <c r="D6" s="439"/>
      <c r="E6" s="439"/>
      <c r="F6" s="439"/>
      <c r="G6" s="439"/>
      <c r="H6" s="439"/>
      <c r="I6" s="439"/>
      <c r="J6" s="439"/>
      <c r="K6" s="439"/>
      <c r="L6" s="439"/>
      <c r="M6" s="439"/>
      <c r="N6" s="439"/>
      <c r="O6" s="439"/>
      <c r="P6" s="439"/>
      <c r="Q6" s="439"/>
      <c r="R6" s="439"/>
      <c r="S6" s="439"/>
      <c r="T6" s="439"/>
      <c r="U6" s="439"/>
      <c r="V6" s="439"/>
      <c r="W6" s="439"/>
      <c r="X6" s="439"/>
      <c r="Y6" s="439"/>
      <c r="Z6" s="439"/>
      <c r="AA6" s="439"/>
      <c r="AB6" s="439"/>
      <c r="AC6" s="439"/>
      <c r="AD6" s="439"/>
    </row>
    <row r="7" spans="2:30" s="290" customFormat="1" ht="17.25" customHeight="1" x14ac:dyDescent="0.15"/>
    <row r="8" spans="2:30" s="290" customFormat="1" ht="17.25" customHeight="1" x14ac:dyDescent="0.15">
      <c r="B8" s="450" t="s">
        <v>361</v>
      </c>
      <c r="C8" s="450"/>
      <c r="D8" s="450"/>
      <c r="E8" s="450"/>
      <c r="F8" s="394"/>
      <c r="G8" s="451"/>
      <c r="H8" s="452"/>
      <c r="I8" s="452"/>
      <c r="J8" s="452"/>
      <c r="K8" s="452"/>
      <c r="L8" s="452"/>
      <c r="M8" s="452"/>
      <c r="N8" s="452"/>
      <c r="O8" s="452"/>
      <c r="P8" s="452"/>
      <c r="Q8" s="452"/>
      <c r="R8" s="452"/>
      <c r="S8" s="452"/>
      <c r="T8" s="452"/>
      <c r="U8" s="452"/>
      <c r="V8" s="452"/>
      <c r="W8" s="452"/>
      <c r="X8" s="452"/>
      <c r="Y8" s="452"/>
      <c r="Z8" s="452"/>
      <c r="AA8" s="452"/>
      <c r="AB8" s="452"/>
      <c r="AC8" s="452"/>
      <c r="AD8" s="453"/>
    </row>
    <row r="9" spans="2:30" ht="17.25" customHeight="1" x14ac:dyDescent="0.15">
      <c r="B9" s="394" t="s">
        <v>362</v>
      </c>
      <c r="C9" s="395"/>
      <c r="D9" s="395"/>
      <c r="E9" s="395"/>
      <c r="F9" s="395"/>
      <c r="G9" s="107" t="s">
        <v>0</v>
      </c>
      <c r="H9" s="315" t="s">
        <v>87</v>
      </c>
      <c r="I9" s="315"/>
      <c r="J9" s="315"/>
      <c r="K9" s="315"/>
      <c r="L9" s="108" t="s">
        <v>0</v>
      </c>
      <c r="M9" s="315" t="s">
        <v>88</v>
      </c>
      <c r="N9" s="315"/>
      <c r="O9" s="315"/>
      <c r="P9" s="315"/>
      <c r="Q9" s="108" t="s">
        <v>0</v>
      </c>
      <c r="R9" s="315" t="s">
        <v>89</v>
      </c>
      <c r="S9" s="313"/>
      <c r="T9" s="313"/>
      <c r="U9" s="313"/>
      <c r="V9" s="313"/>
      <c r="W9" s="313"/>
      <c r="X9" s="313"/>
      <c r="Y9" s="313"/>
      <c r="Z9" s="313"/>
      <c r="AA9" s="313"/>
      <c r="AB9" s="313"/>
      <c r="AC9" s="313"/>
      <c r="AD9" s="125"/>
    </row>
    <row r="10" spans="2:30" ht="17.25" customHeight="1" x14ac:dyDescent="0.15">
      <c r="B10" s="423" t="s">
        <v>363</v>
      </c>
      <c r="C10" s="424"/>
      <c r="D10" s="424"/>
      <c r="E10" s="424"/>
      <c r="F10" s="425"/>
      <c r="G10" s="109" t="s">
        <v>0</v>
      </c>
      <c r="H10" s="290" t="s">
        <v>426</v>
      </c>
      <c r="I10" s="2"/>
      <c r="J10" s="2"/>
      <c r="K10" s="2"/>
      <c r="L10" s="2"/>
      <c r="M10" s="2"/>
      <c r="N10" s="2"/>
      <c r="O10" s="2"/>
      <c r="P10" s="2"/>
      <c r="Q10" s="2"/>
      <c r="R10" s="2"/>
      <c r="S10" s="141"/>
      <c r="T10" s="141"/>
      <c r="U10" s="141"/>
      <c r="V10" s="141"/>
      <c r="W10" s="141"/>
      <c r="X10" s="141"/>
      <c r="Y10" s="141"/>
      <c r="Z10" s="141"/>
      <c r="AA10" s="141"/>
      <c r="AB10" s="141"/>
      <c r="AC10" s="141"/>
      <c r="AD10" s="142"/>
    </row>
    <row r="11" spans="2:30" ht="17.25" customHeight="1" x14ac:dyDescent="0.15">
      <c r="B11" s="492"/>
      <c r="C11" s="493"/>
      <c r="D11" s="493"/>
      <c r="E11" s="493"/>
      <c r="F11" s="494"/>
      <c r="G11" s="109" t="s">
        <v>0</v>
      </c>
      <c r="H11" s="290" t="s">
        <v>427</v>
      </c>
      <c r="I11" s="2"/>
      <c r="J11" s="2"/>
      <c r="K11" s="2"/>
      <c r="L11" s="2"/>
      <c r="M11" s="2"/>
      <c r="N11" s="2"/>
      <c r="O11" s="2"/>
      <c r="P11" s="2"/>
      <c r="Q11" s="2"/>
      <c r="R11" s="2"/>
      <c r="S11" s="141"/>
      <c r="T11" s="141"/>
      <c r="U11" s="141"/>
      <c r="V11" s="141"/>
      <c r="W11" s="141"/>
      <c r="X11" s="141"/>
      <c r="Y11" s="141"/>
      <c r="Z11" s="141"/>
      <c r="AA11" s="141"/>
      <c r="AB11" s="141"/>
      <c r="AC11" s="141"/>
      <c r="AD11" s="142"/>
    </row>
    <row r="12" spans="2:30" ht="17.25" customHeight="1" x14ac:dyDescent="0.15">
      <c r="B12" s="426"/>
      <c r="C12" s="427"/>
      <c r="D12" s="427"/>
      <c r="E12" s="427"/>
      <c r="F12" s="428"/>
      <c r="G12" s="109" t="s">
        <v>0</v>
      </c>
      <c r="H12" s="290" t="s">
        <v>428</v>
      </c>
      <c r="I12" s="2"/>
      <c r="J12" s="2"/>
      <c r="K12" s="2"/>
      <c r="L12" s="2"/>
      <c r="M12" s="2"/>
      <c r="N12" s="2"/>
      <c r="O12" s="2"/>
      <c r="P12" s="2"/>
      <c r="Q12" s="2"/>
      <c r="R12" s="2"/>
      <c r="S12" s="141"/>
      <c r="T12" s="141"/>
      <c r="U12" s="141"/>
      <c r="V12" s="141"/>
      <c r="W12" s="141"/>
      <c r="X12" s="141"/>
      <c r="Y12" s="141"/>
      <c r="Z12" s="141"/>
      <c r="AA12" s="141"/>
      <c r="AB12" s="141"/>
      <c r="AC12" s="141"/>
      <c r="AD12" s="142"/>
    </row>
    <row r="13" spans="2:30" ht="17.25" customHeight="1" x14ac:dyDescent="0.15">
      <c r="B13" s="423" t="s">
        <v>367</v>
      </c>
      <c r="C13" s="424"/>
      <c r="D13" s="424"/>
      <c r="E13" s="424"/>
      <c r="F13" s="425"/>
      <c r="G13" s="126" t="s">
        <v>0</v>
      </c>
      <c r="H13" s="297" t="s">
        <v>368</v>
      </c>
      <c r="I13" s="323"/>
      <c r="J13" s="323"/>
      <c r="K13" s="323"/>
      <c r="L13" s="323"/>
      <c r="M13" s="323"/>
      <c r="N13" s="323"/>
      <c r="O13" s="323"/>
      <c r="P13" s="323"/>
      <c r="Q13" s="323"/>
      <c r="R13" s="323"/>
      <c r="S13" s="116" t="s">
        <v>0</v>
      </c>
      <c r="T13" s="297" t="s">
        <v>369</v>
      </c>
      <c r="U13" s="127"/>
      <c r="V13" s="127"/>
      <c r="W13" s="127"/>
      <c r="X13" s="127"/>
      <c r="Y13" s="127"/>
      <c r="Z13" s="127"/>
      <c r="AA13" s="127"/>
      <c r="AB13" s="127"/>
      <c r="AC13" s="127"/>
      <c r="AD13" s="128"/>
    </row>
    <row r="14" spans="2:30" ht="17.25" customHeight="1" x14ac:dyDescent="0.15">
      <c r="B14" s="426"/>
      <c r="C14" s="427"/>
      <c r="D14" s="427"/>
      <c r="E14" s="427"/>
      <c r="F14" s="428"/>
      <c r="G14" s="110" t="s">
        <v>0</v>
      </c>
      <c r="H14" s="259" t="s">
        <v>370</v>
      </c>
      <c r="I14" s="317"/>
      <c r="J14" s="317"/>
      <c r="K14" s="317"/>
      <c r="L14" s="317"/>
      <c r="M14" s="317"/>
      <c r="N14" s="317"/>
      <c r="O14" s="317"/>
      <c r="P14" s="317"/>
      <c r="Q14" s="317"/>
      <c r="R14" s="317"/>
      <c r="S14" s="129"/>
      <c r="T14" s="129"/>
      <c r="U14" s="129"/>
      <c r="V14" s="129"/>
      <c r="W14" s="129"/>
      <c r="X14" s="129"/>
      <c r="Y14" s="129"/>
      <c r="Z14" s="129"/>
      <c r="AA14" s="129"/>
      <c r="AB14" s="129"/>
      <c r="AC14" s="129"/>
      <c r="AD14" s="130"/>
    </row>
    <row r="15" spans="2:30" s="290" customFormat="1" ht="17.25" customHeight="1" x14ac:dyDescent="0.15"/>
    <row r="16" spans="2:30" s="290" customFormat="1" ht="17.25" customHeight="1" x14ac:dyDescent="0.15">
      <c r="B16" s="290" t="s">
        <v>403</v>
      </c>
    </row>
    <row r="17" spans="2:30" s="290" customFormat="1" ht="17.25" customHeight="1" x14ac:dyDescent="0.15">
      <c r="B17" s="290" t="s">
        <v>376</v>
      </c>
      <c r="AC17" s="2"/>
      <c r="AD17" s="2"/>
    </row>
    <row r="18" spans="2:30" s="290" customFormat="1" ht="17.25" customHeight="1" x14ac:dyDescent="0.15"/>
    <row r="19" spans="2:30" s="290" customFormat="1" ht="17.25" customHeight="1" x14ac:dyDescent="0.15">
      <c r="B19" s="441" t="s">
        <v>377</v>
      </c>
      <c r="C19" s="442"/>
      <c r="D19" s="442"/>
      <c r="E19" s="442"/>
      <c r="F19" s="443"/>
      <c r="G19" s="296"/>
      <c r="H19" s="297"/>
      <c r="I19" s="297"/>
      <c r="J19" s="297"/>
      <c r="K19" s="297"/>
      <c r="L19" s="297"/>
      <c r="M19" s="297"/>
      <c r="N19" s="297"/>
      <c r="O19" s="297"/>
      <c r="P19" s="297"/>
      <c r="Q19" s="297"/>
      <c r="R19" s="297"/>
      <c r="S19" s="297"/>
      <c r="T19" s="297"/>
      <c r="U19" s="297"/>
      <c r="V19" s="297"/>
      <c r="W19" s="297"/>
      <c r="X19" s="297"/>
      <c r="Y19" s="297"/>
      <c r="Z19" s="296"/>
      <c r="AA19" s="297"/>
      <c r="AB19" s="297"/>
      <c r="AC19" s="323"/>
      <c r="AD19" s="324"/>
    </row>
    <row r="20" spans="2:30" s="290" customFormat="1" ht="17.25" customHeight="1" x14ac:dyDescent="0.15">
      <c r="B20" s="444"/>
      <c r="C20" s="439"/>
      <c r="D20" s="439"/>
      <c r="E20" s="439"/>
      <c r="F20" s="445"/>
      <c r="G20" s="295"/>
      <c r="H20" s="290" t="s">
        <v>404</v>
      </c>
      <c r="Z20" s="295"/>
      <c r="AA20" s="94" t="s">
        <v>94</v>
      </c>
      <c r="AB20" s="94" t="s">
        <v>95</v>
      </c>
      <c r="AC20" s="94" t="s">
        <v>96</v>
      </c>
      <c r="AD20" s="131"/>
    </row>
    <row r="21" spans="2:30" s="290" customFormat="1" ht="17.25" customHeight="1" x14ac:dyDescent="0.15">
      <c r="B21" s="444"/>
      <c r="C21" s="439"/>
      <c r="D21" s="439"/>
      <c r="E21" s="439"/>
      <c r="F21" s="445"/>
      <c r="G21" s="295"/>
      <c r="I21" s="285" t="s">
        <v>180</v>
      </c>
      <c r="J21" s="476" t="s">
        <v>379</v>
      </c>
      <c r="K21" s="473"/>
      <c r="L21" s="473"/>
      <c r="M21" s="473"/>
      <c r="N21" s="473"/>
      <c r="O21" s="473"/>
      <c r="P21" s="473"/>
      <c r="Q21" s="473"/>
      <c r="R21" s="473"/>
      <c r="S21" s="473"/>
      <c r="T21" s="473"/>
      <c r="U21" s="398"/>
      <c r="V21" s="399"/>
      <c r="W21" s="287" t="s">
        <v>181</v>
      </c>
      <c r="Z21" s="295"/>
      <c r="AA21" s="335"/>
      <c r="AB21" s="272"/>
      <c r="AC21" s="335"/>
      <c r="AD21" s="88"/>
    </row>
    <row r="22" spans="2:30" s="290" customFormat="1" ht="17.25" customHeight="1" x14ac:dyDescent="0.15">
      <c r="B22" s="444"/>
      <c r="C22" s="439"/>
      <c r="D22" s="439"/>
      <c r="E22" s="439"/>
      <c r="F22" s="445"/>
      <c r="G22" s="295"/>
      <c r="I22" s="318" t="s">
        <v>182</v>
      </c>
      <c r="J22" s="137" t="s">
        <v>380</v>
      </c>
      <c r="K22" s="259"/>
      <c r="L22" s="259"/>
      <c r="M22" s="259"/>
      <c r="N22" s="259"/>
      <c r="O22" s="259"/>
      <c r="P22" s="259"/>
      <c r="Q22" s="259"/>
      <c r="R22" s="259"/>
      <c r="S22" s="259"/>
      <c r="T22" s="259"/>
      <c r="U22" s="404"/>
      <c r="V22" s="405"/>
      <c r="W22" s="300" t="s">
        <v>181</v>
      </c>
      <c r="Y22" s="134"/>
      <c r="Z22" s="91"/>
      <c r="AA22" s="109" t="s">
        <v>0</v>
      </c>
      <c r="AB22" s="109" t="s">
        <v>95</v>
      </c>
      <c r="AC22" s="109" t="s">
        <v>0</v>
      </c>
      <c r="AD22" s="88"/>
    </row>
    <row r="23" spans="2:30" s="290" customFormat="1" ht="17.25" customHeight="1" x14ac:dyDescent="0.15">
      <c r="B23" s="444"/>
      <c r="C23" s="439"/>
      <c r="D23" s="439"/>
      <c r="E23" s="439"/>
      <c r="F23" s="445"/>
      <c r="G23" s="295"/>
      <c r="H23" s="290" t="s">
        <v>381</v>
      </c>
      <c r="U23" s="272"/>
      <c r="V23" s="272"/>
      <c r="Z23" s="295"/>
      <c r="AC23" s="2"/>
      <c r="AD23" s="88"/>
    </row>
    <row r="24" spans="2:30" s="290" customFormat="1" ht="17.25" customHeight="1" x14ac:dyDescent="0.15">
      <c r="B24" s="444"/>
      <c r="C24" s="439"/>
      <c r="D24" s="439"/>
      <c r="E24" s="439"/>
      <c r="F24" s="445"/>
      <c r="G24" s="295"/>
      <c r="H24" s="290" t="s">
        <v>382</v>
      </c>
      <c r="T24" s="134"/>
      <c r="U24" s="133"/>
      <c r="V24" s="272"/>
      <c r="Z24" s="295"/>
      <c r="AC24" s="2"/>
      <c r="AD24" s="88"/>
    </row>
    <row r="25" spans="2:30" s="290" customFormat="1" ht="25.5" customHeight="1" x14ac:dyDescent="0.15">
      <c r="B25" s="444"/>
      <c r="C25" s="439"/>
      <c r="D25" s="439"/>
      <c r="E25" s="439"/>
      <c r="F25" s="445"/>
      <c r="G25" s="295"/>
      <c r="I25" s="285" t="s">
        <v>264</v>
      </c>
      <c r="J25" s="473" t="s">
        <v>383</v>
      </c>
      <c r="K25" s="473"/>
      <c r="L25" s="473"/>
      <c r="M25" s="473"/>
      <c r="N25" s="473"/>
      <c r="O25" s="473"/>
      <c r="P25" s="473"/>
      <c r="Q25" s="473"/>
      <c r="R25" s="473"/>
      <c r="S25" s="473"/>
      <c r="T25" s="473"/>
      <c r="U25" s="398"/>
      <c r="V25" s="399"/>
      <c r="W25" s="287" t="s">
        <v>181</v>
      </c>
      <c r="Y25" s="134"/>
      <c r="Z25" s="91"/>
      <c r="AA25" s="109" t="s">
        <v>0</v>
      </c>
      <c r="AB25" s="109" t="s">
        <v>95</v>
      </c>
      <c r="AC25" s="109" t="s">
        <v>0</v>
      </c>
      <c r="AD25" s="88"/>
    </row>
    <row r="26" spans="2:30" s="290" customFormat="1" ht="17.25" customHeight="1" x14ac:dyDescent="0.15">
      <c r="B26" s="446"/>
      <c r="C26" s="447"/>
      <c r="D26" s="447"/>
      <c r="E26" s="447"/>
      <c r="F26" s="448"/>
      <c r="G26" s="299"/>
      <c r="H26" s="259"/>
      <c r="I26" s="259"/>
      <c r="J26" s="259"/>
      <c r="K26" s="259"/>
      <c r="L26" s="259"/>
      <c r="M26" s="259"/>
      <c r="N26" s="259"/>
      <c r="O26" s="259"/>
      <c r="P26" s="259"/>
      <c r="Q26" s="259"/>
      <c r="R26" s="259"/>
      <c r="S26" s="259"/>
      <c r="T26" s="135"/>
      <c r="U26" s="135"/>
      <c r="V26" s="259"/>
      <c r="W26" s="259"/>
      <c r="X26" s="259"/>
      <c r="Y26" s="259"/>
      <c r="Z26" s="299"/>
      <c r="AA26" s="259"/>
      <c r="AB26" s="259"/>
      <c r="AC26" s="317"/>
      <c r="AD26" s="325"/>
    </row>
    <row r="27" spans="2:30" s="290" customFormat="1" ht="17.25" customHeight="1" x14ac:dyDescent="0.15">
      <c r="B27" s="263"/>
      <c r="C27" s="264"/>
      <c r="D27" s="264"/>
      <c r="E27" s="264"/>
      <c r="F27" s="271"/>
      <c r="G27" s="296"/>
      <c r="H27" s="297"/>
      <c r="I27" s="297"/>
      <c r="J27" s="297"/>
      <c r="K27" s="297"/>
      <c r="L27" s="297"/>
      <c r="M27" s="297"/>
      <c r="N27" s="297"/>
      <c r="O27" s="297"/>
      <c r="P27" s="297"/>
      <c r="Q27" s="297"/>
      <c r="R27" s="297"/>
      <c r="S27" s="297"/>
      <c r="T27" s="144"/>
      <c r="U27" s="144"/>
      <c r="V27" s="297"/>
      <c r="W27" s="297"/>
      <c r="X27" s="297"/>
      <c r="Y27" s="297"/>
      <c r="Z27" s="297"/>
      <c r="AA27" s="297"/>
      <c r="AB27" s="297"/>
      <c r="AC27" s="323"/>
      <c r="AD27" s="324"/>
    </row>
    <row r="28" spans="2:30" s="290" customFormat="1" ht="17.25" customHeight="1" x14ac:dyDescent="0.15">
      <c r="B28" s="444" t="s">
        <v>411</v>
      </c>
      <c r="C28" s="439"/>
      <c r="D28" s="439"/>
      <c r="E28" s="439"/>
      <c r="F28" s="445"/>
      <c r="G28" s="147" t="s">
        <v>429</v>
      </c>
      <c r="T28" s="134"/>
      <c r="U28" s="134"/>
      <c r="AC28" s="2"/>
      <c r="AD28" s="88"/>
    </row>
    <row r="29" spans="2:30" s="290" customFormat="1" ht="24" customHeight="1" x14ac:dyDescent="0.15">
      <c r="B29" s="444"/>
      <c r="C29" s="439"/>
      <c r="D29" s="439"/>
      <c r="E29" s="439"/>
      <c r="F29" s="445"/>
      <c r="G29" s="412"/>
      <c r="H29" s="413"/>
      <c r="I29" s="413"/>
      <c r="J29" s="413"/>
      <c r="K29" s="413"/>
      <c r="L29" s="413"/>
      <c r="M29" s="413"/>
      <c r="N29" s="413"/>
      <c r="O29" s="413"/>
      <c r="P29" s="413"/>
      <c r="Q29" s="413"/>
      <c r="R29" s="413"/>
      <c r="S29" s="413"/>
      <c r="T29" s="413"/>
      <c r="U29" s="413"/>
      <c r="V29" s="413"/>
      <c r="W29" s="413"/>
      <c r="X29" s="413"/>
      <c r="Y29" s="413"/>
      <c r="Z29" s="413"/>
      <c r="AA29" s="413"/>
      <c r="AB29" s="413"/>
      <c r="AC29" s="413"/>
      <c r="AD29" s="414"/>
    </row>
    <row r="30" spans="2:30" s="290" customFormat="1" ht="17.25" customHeight="1" x14ac:dyDescent="0.15">
      <c r="B30" s="305"/>
      <c r="C30" s="306"/>
      <c r="D30" s="306"/>
      <c r="E30" s="306"/>
      <c r="F30" s="307"/>
      <c r="G30" s="299"/>
      <c r="H30" s="259"/>
      <c r="I30" s="259"/>
      <c r="J30" s="259"/>
      <c r="K30" s="259"/>
      <c r="L30" s="259"/>
      <c r="M30" s="259"/>
      <c r="N30" s="259"/>
      <c r="O30" s="259"/>
      <c r="P30" s="259"/>
      <c r="Q30" s="259"/>
      <c r="R30" s="259"/>
      <c r="S30" s="259"/>
      <c r="T30" s="135"/>
      <c r="U30" s="135"/>
      <c r="V30" s="259"/>
      <c r="W30" s="259"/>
      <c r="X30" s="259"/>
      <c r="Y30" s="259"/>
      <c r="Z30" s="259"/>
      <c r="AA30" s="259"/>
      <c r="AB30" s="259"/>
      <c r="AC30" s="317"/>
      <c r="AD30" s="325"/>
    </row>
    <row r="31" spans="2:30" s="290" customFormat="1" ht="17.25" customHeight="1" x14ac:dyDescent="0.15">
      <c r="B31" s="289"/>
      <c r="C31" s="289"/>
      <c r="D31" s="289"/>
      <c r="E31" s="289"/>
      <c r="F31" s="289"/>
      <c r="T31" s="134"/>
      <c r="U31" s="134"/>
    </row>
    <row r="32" spans="2:30" s="290" customFormat="1" ht="17.25" customHeight="1" x14ac:dyDescent="0.15">
      <c r="B32" s="290" t="s">
        <v>384</v>
      </c>
      <c r="C32" s="289"/>
      <c r="D32" s="289"/>
      <c r="E32" s="289"/>
      <c r="F32" s="289"/>
      <c r="T32" s="134"/>
      <c r="U32" s="134"/>
    </row>
    <row r="33" spans="1:31" s="290" customFormat="1" ht="17.25" customHeight="1" x14ac:dyDescent="0.15">
      <c r="B33" s="289"/>
      <c r="C33" s="289"/>
      <c r="D33" s="289"/>
      <c r="E33" s="289"/>
      <c r="F33" s="289"/>
      <c r="T33" s="134"/>
      <c r="U33" s="134"/>
    </row>
    <row r="34" spans="1:31" s="290" customFormat="1" ht="17.25" customHeight="1" x14ac:dyDescent="0.15">
      <c r="B34" s="441" t="s">
        <v>377</v>
      </c>
      <c r="C34" s="442"/>
      <c r="D34" s="442"/>
      <c r="E34" s="442"/>
      <c r="F34" s="443"/>
      <c r="G34" s="296"/>
      <c r="H34" s="297"/>
      <c r="I34" s="297"/>
      <c r="J34" s="297"/>
      <c r="K34" s="297"/>
      <c r="L34" s="297"/>
      <c r="M34" s="297"/>
      <c r="N34" s="297"/>
      <c r="O34" s="297"/>
      <c r="P34" s="297"/>
      <c r="Q34" s="297"/>
      <c r="R34" s="297"/>
      <c r="S34" s="297"/>
      <c r="T34" s="297"/>
      <c r="U34" s="297"/>
      <c r="V34" s="297"/>
      <c r="W34" s="297"/>
      <c r="X34" s="297"/>
      <c r="Y34" s="297"/>
      <c r="Z34" s="296"/>
      <c r="AA34" s="297"/>
      <c r="AB34" s="297"/>
      <c r="AC34" s="323"/>
      <c r="AD34" s="324"/>
    </row>
    <row r="35" spans="1:31" s="290" customFormat="1" ht="17.25" customHeight="1" x14ac:dyDescent="0.15">
      <c r="B35" s="444"/>
      <c r="C35" s="439"/>
      <c r="D35" s="439"/>
      <c r="E35" s="439"/>
      <c r="F35" s="445"/>
      <c r="G35" s="295"/>
      <c r="H35" s="290" t="s">
        <v>378</v>
      </c>
      <c r="Z35" s="295"/>
      <c r="AA35" s="94" t="s">
        <v>94</v>
      </c>
      <c r="AB35" s="94" t="s">
        <v>95</v>
      </c>
      <c r="AC35" s="94" t="s">
        <v>96</v>
      </c>
      <c r="AD35" s="131"/>
    </row>
    <row r="36" spans="1:31" s="290" customFormat="1" ht="17.25" customHeight="1" x14ac:dyDescent="0.15">
      <c r="B36" s="444"/>
      <c r="C36" s="439"/>
      <c r="D36" s="439"/>
      <c r="E36" s="439"/>
      <c r="F36" s="445"/>
      <c r="G36" s="295"/>
      <c r="I36" s="285" t="s">
        <v>180</v>
      </c>
      <c r="J36" s="476" t="s">
        <v>379</v>
      </c>
      <c r="K36" s="473"/>
      <c r="L36" s="473"/>
      <c r="M36" s="473"/>
      <c r="N36" s="473"/>
      <c r="O36" s="473"/>
      <c r="P36" s="473"/>
      <c r="Q36" s="473"/>
      <c r="R36" s="473"/>
      <c r="S36" s="473"/>
      <c r="T36" s="473"/>
      <c r="U36" s="393"/>
      <c r="V36" s="398"/>
      <c r="W36" s="287" t="s">
        <v>181</v>
      </c>
      <c r="Z36" s="295"/>
      <c r="AA36" s="335"/>
      <c r="AB36" s="272"/>
      <c r="AC36" s="335"/>
      <c r="AD36" s="88"/>
    </row>
    <row r="37" spans="1:31" s="290" customFormat="1" ht="17.25" customHeight="1" x14ac:dyDescent="0.15">
      <c r="B37" s="444"/>
      <c r="C37" s="439"/>
      <c r="D37" s="439"/>
      <c r="E37" s="439"/>
      <c r="F37" s="445"/>
      <c r="G37" s="295"/>
      <c r="I37" s="318" t="s">
        <v>182</v>
      </c>
      <c r="J37" s="137" t="s">
        <v>380</v>
      </c>
      <c r="K37" s="259"/>
      <c r="L37" s="259"/>
      <c r="M37" s="259"/>
      <c r="N37" s="259"/>
      <c r="O37" s="259"/>
      <c r="P37" s="259"/>
      <c r="Q37" s="259"/>
      <c r="R37" s="259"/>
      <c r="S37" s="259"/>
      <c r="T37" s="259"/>
      <c r="U37" s="393"/>
      <c r="V37" s="398"/>
      <c r="W37" s="300" t="s">
        <v>181</v>
      </c>
      <c r="Y37" s="134"/>
      <c r="Z37" s="91"/>
      <c r="AA37" s="109" t="s">
        <v>0</v>
      </c>
      <c r="AB37" s="109" t="s">
        <v>95</v>
      </c>
      <c r="AC37" s="109" t="s">
        <v>0</v>
      </c>
      <c r="AD37" s="88"/>
    </row>
    <row r="38" spans="1:31" s="290" customFormat="1" ht="17.25" customHeight="1" x14ac:dyDescent="0.15">
      <c r="A38" s="294"/>
      <c r="B38" s="446"/>
      <c r="C38" s="447"/>
      <c r="D38" s="447"/>
      <c r="E38" s="447"/>
      <c r="F38" s="448"/>
      <c r="G38" s="299"/>
      <c r="H38" s="259"/>
      <c r="I38" s="259"/>
      <c r="J38" s="259"/>
      <c r="K38" s="259"/>
      <c r="L38" s="259"/>
      <c r="M38" s="259"/>
      <c r="N38" s="259"/>
      <c r="O38" s="259"/>
      <c r="P38" s="259"/>
      <c r="Q38" s="259"/>
      <c r="R38" s="259"/>
      <c r="S38" s="259"/>
      <c r="T38" s="135"/>
      <c r="U38" s="135"/>
      <c r="V38" s="259"/>
      <c r="W38" s="259"/>
      <c r="X38" s="259"/>
      <c r="Y38" s="259"/>
      <c r="Z38" s="299"/>
      <c r="AA38" s="259"/>
      <c r="AB38" s="259"/>
      <c r="AC38" s="317"/>
      <c r="AD38" s="325"/>
      <c r="AE38" s="295"/>
    </row>
    <row r="39" spans="1:31" s="290" customFormat="1" ht="17.25" customHeight="1" x14ac:dyDescent="0.15">
      <c r="B39" s="289"/>
      <c r="C39" s="264"/>
      <c r="D39" s="289"/>
      <c r="E39" s="289"/>
      <c r="F39" s="289"/>
      <c r="T39" s="134"/>
      <c r="U39" s="134"/>
    </row>
    <row r="40" spans="1:31" s="290" customFormat="1" ht="17.25" customHeight="1" x14ac:dyDescent="0.15">
      <c r="B40" s="290" t="s">
        <v>388</v>
      </c>
      <c r="C40" s="289"/>
      <c r="D40" s="289"/>
      <c r="E40" s="289"/>
      <c r="F40" s="289"/>
      <c r="T40" s="134"/>
      <c r="U40" s="134"/>
    </row>
    <row r="41" spans="1:31" s="290" customFormat="1" ht="17.25" customHeight="1" x14ac:dyDescent="0.15">
      <c r="B41" s="138" t="s">
        <v>430</v>
      </c>
      <c r="C41" s="289"/>
      <c r="D41" s="289"/>
      <c r="E41" s="289"/>
      <c r="F41" s="289"/>
      <c r="T41" s="134"/>
      <c r="U41" s="134"/>
    </row>
    <row r="42" spans="1:31" s="290" customFormat="1" ht="17.25" customHeight="1" x14ac:dyDescent="0.15">
      <c r="B42" s="441" t="s">
        <v>377</v>
      </c>
      <c r="C42" s="442"/>
      <c r="D42" s="442"/>
      <c r="E42" s="442"/>
      <c r="F42" s="443"/>
      <c r="G42" s="296"/>
      <c r="H42" s="297"/>
      <c r="I42" s="297"/>
      <c r="J42" s="297"/>
      <c r="K42" s="297"/>
      <c r="L42" s="297"/>
      <c r="M42" s="297"/>
      <c r="N42" s="297"/>
      <c r="O42" s="297"/>
      <c r="P42" s="297"/>
      <c r="Q42" s="297"/>
      <c r="R42" s="297"/>
      <c r="S42" s="297"/>
      <c r="T42" s="297"/>
      <c r="U42" s="297"/>
      <c r="V42" s="297"/>
      <c r="W42" s="297"/>
      <c r="X42" s="297"/>
      <c r="Y42" s="297"/>
      <c r="Z42" s="296"/>
      <c r="AA42" s="297"/>
      <c r="AB42" s="297"/>
      <c r="AC42" s="323"/>
      <c r="AD42" s="324"/>
    </row>
    <row r="43" spans="1:31" s="290" customFormat="1" ht="17.25" customHeight="1" x14ac:dyDescent="0.15">
      <c r="B43" s="444"/>
      <c r="C43" s="439"/>
      <c r="D43" s="439"/>
      <c r="E43" s="439"/>
      <c r="F43" s="445"/>
      <c r="G43" s="295"/>
      <c r="H43" s="290" t="s">
        <v>405</v>
      </c>
      <c r="Z43" s="295"/>
      <c r="AA43" s="94" t="s">
        <v>94</v>
      </c>
      <c r="AB43" s="94" t="s">
        <v>95</v>
      </c>
      <c r="AC43" s="94" t="s">
        <v>96</v>
      </c>
      <c r="AD43" s="131"/>
    </row>
    <row r="44" spans="1:31" s="290" customFormat="1" ht="17.25" customHeight="1" x14ac:dyDescent="0.15">
      <c r="B44" s="444"/>
      <c r="C44" s="439"/>
      <c r="D44" s="439"/>
      <c r="E44" s="439"/>
      <c r="F44" s="445"/>
      <c r="G44" s="295"/>
      <c r="I44" s="285" t="s">
        <v>180</v>
      </c>
      <c r="J44" s="476" t="s">
        <v>379</v>
      </c>
      <c r="K44" s="473"/>
      <c r="L44" s="473"/>
      <c r="M44" s="473"/>
      <c r="N44" s="473"/>
      <c r="O44" s="473"/>
      <c r="P44" s="473"/>
      <c r="Q44" s="473"/>
      <c r="R44" s="473"/>
      <c r="S44" s="473"/>
      <c r="T44" s="473"/>
      <c r="U44" s="393"/>
      <c r="V44" s="398"/>
      <c r="W44" s="287" t="s">
        <v>181</v>
      </c>
      <c r="Z44" s="295"/>
      <c r="AA44" s="335"/>
      <c r="AB44" s="272"/>
      <c r="AC44" s="335"/>
      <c r="AD44" s="88"/>
    </row>
    <row r="45" spans="1:31" s="290" customFormat="1" ht="17.25" customHeight="1" x14ac:dyDescent="0.15">
      <c r="B45" s="444"/>
      <c r="C45" s="439"/>
      <c r="D45" s="439"/>
      <c r="E45" s="439"/>
      <c r="F45" s="445"/>
      <c r="G45" s="295"/>
      <c r="I45" s="318" t="s">
        <v>182</v>
      </c>
      <c r="J45" s="137" t="s">
        <v>380</v>
      </c>
      <c r="K45" s="259"/>
      <c r="L45" s="259"/>
      <c r="M45" s="259"/>
      <c r="N45" s="259"/>
      <c r="O45" s="259"/>
      <c r="P45" s="259"/>
      <c r="Q45" s="259"/>
      <c r="R45" s="259"/>
      <c r="S45" s="259"/>
      <c r="T45" s="259"/>
      <c r="U45" s="393"/>
      <c r="V45" s="398"/>
      <c r="W45" s="300" t="s">
        <v>181</v>
      </c>
      <c r="Y45" s="134"/>
      <c r="Z45" s="91"/>
      <c r="AA45" s="109" t="s">
        <v>0</v>
      </c>
      <c r="AB45" s="109" t="s">
        <v>95</v>
      </c>
      <c r="AC45" s="109" t="s">
        <v>0</v>
      </c>
      <c r="AD45" s="88"/>
    </row>
    <row r="46" spans="1:31" s="290" customFormat="1" ht="17.25" customHeight="1" x14ac:dyDescent="0.15">
      <c r="B46" s="446"/>
      <c r="C46" s="447"/>
      <c r="D46" s="447"/>
      <c r="E46" s="447"/>
      <c r="F46" s="448"/>
      <c r="G46" s="299"/>
      <c r="H46" s="259"/>
      <c r="I46" s="259"/>
      <c r="J46" s="259"/>
      <c r="K46" s="259"/>
      <c r="L46" s="259"/>
      <c r="M46" s="259"/>
      <c r="N46" s="259"/>
      <c r="O46" s="259"/>
      <c r="P46" s="259"/>
      <c r="Q46" s="259"/>
      <c r="R46" s="259"/>
      <c r="S46" s="259"/>
      <c r="T46" s="135"/>
      <c r="U46" s="135"/>
      <c r="V46" s="259"/>
      <c r="W46" s="259"/>
      <c r="X46" s="259"/>
      <c r="Y46" s="259"/>
      <c r="Z46" s="299"/>
      <c r="AA46" s="259"/>
      <c r="AB46" s="259"/>
      <c r="AC46" s="317"/>
      <c r="AD46" s="325"/>
    </row>
    <row r="47" spans="1:31" s="290" customFormat="1" ht="17.25" customHeight="1" x14ac:dyDescent="0.15">
      <c r="B47" s="441" t="s">
        <v>412</v>
      </c>
      <c r="C47" s="442"/>
      <c r="D47" s="442"/>
      <c r="E47" s="442"/>
      <c r="F47" s="443"/>
      <c r="G47" s="296"/>
      <c r="H47" s="297"/>
      <c r="I47" s="297"/>
      <c r="J47" s="297"/>
      <c r="K47" s="297"/>
      <c r="L47" s="297"/>
      <c r="M47" s="297"/>
      <c r="N47" s="297"/>
      <c r="O47" s="297"/>
      <c r="P47" s="297"/>
      <c r="Q47" s="297"/>
      <c r="R47" s="297"/>
      <c r="S47" s="297"/>
      <c r="T47" s="297"/>
      <c r="U47" s="297"/>
      <c r="V47" s="297"/>
      <c r="W47" s="297"/>
      <c r="X47" s="297"/>
      <c r="Y47" s="297"/>
      <c r="Z47" s="296"/>
      <c r="AA47" s="297"/>
      <c r="AB47" s="297"/>
      <c r="AC47" s="323"/>
      <c r="AD47" s="324"/>
    </row>
    <row r="48" spans="1:31" s="290" customFormat="1" ht="17.25" customHeight="1" x14ac:dyDescent="0.15">
      <c r="B48" s="444"/>
      <c r="C48" s="439"/>
      <c r="D48" s="439"/>
      <c r="E48" s="439"/>
      <c r="F48" s="445"/>
      <c r="G48" s="295"/>
      <c r="H48" s="290" t="s">
        <v>413</v>
      </c>
      <c r="Z48" s="295"/>
      <c r="AA48" s="94" t="s">
        <v>94</v>
      </c>
      <c r="AB48" s="94" t="s">
        <v>95</v>
      </c>
      <c r="AC48" s="94" t="s">
        <v>96</v>
      </c>
      <c r="AD48" s="131"/>
    </row>
    <row r="49" spans="2:30" s="290" customFormat="1" ht="17.25" customHeight="1" x14ac:dyDescent="0.15">
      <c r="B49" s="444"/>
      <c r="C49" s="439"/>
      <c r="D49" s="439"/>
      <c r="E49" s="439"/>
      <c r="F49" s="445"/>
      <c r="G49" s="295"/>
      <c r="I49" s="285" t="s">
        <v>180</v>
      </c>
      <c r="J49" s="474" t="s">
        <v>414</v>
      </c>
      <c r="K49" s="475"/>
      <c r="L49" s="475"/>
      <c r="M49" s="475"/>
      <c r="N49" s="475"/>
      <c r="O49" s="475"/>
      <c r="P49" s="475"/>
      <c r="Q49" s="475"/>
      <c r="R49" s="475"/>
      <c r="S49" s="475"/>
      <c r="T49" s="475"/>
      <c r="U49" s="393"/>
      <c r="V49" s="398"/>
      <c r="W49" s="287" t="s">
        <v>181</v>
      </c>
      <c r="Z49" s="295"/>
      <c r="AA49" s="335"/>
      <c r="AB49" s="272"/>
      <c r="AC49" s="335"/>
      <c r="AD49" s="88"/>
    </row>
    <row r="50" spans="2:30" s="290" customFormat="1" ht="17.25" customHeight="1" x14ac:dyDescent="0.15">
      <c r="B50" s="444"/>
      <c r="C50" s="439"/>
      <c r="D50" s="439"/>
      <c r="E50" s="439"/>
      <c r="F50" s="445"/>
      <c r="G50" s="295"/>
      <c r="I50" s="318" t="s">
        <v>182</v>
      </c>
      <c r="J50" s="476" t="s">
        <v>394</v>
      </c>
      <c r="K50" s="473"/>
      <c r="L50" s="473"/>
      <c r="M50" s="473"/>
      <c r="N50" s="473"/>
      <c r="O50" s="473"/>
      <c r="P50" s="473"/>
      <c r="Q50" s="473"/>
      <c r="R50" s="473"/>
      <c r="S50" s="473"/>
      <c r="T50" s="473"/>
      <c r="U50" s="393"/>
      <c r="V50" s="398"/>
      <c r="W50" s="300" t="s">
        <v>181</v>
      </c>
      <c r="Y50" s="134"/>
      <c r="Z50" s="91"/>
      <c r="AA50" s="109" t="s">
        <v>0</v>
      </c>
      <c r="AB50" s="109" t="s">
        <v>95</v>
      </c>
      <c r="AC50" s="109" t="s">
        <v>0</v>
      </c>
      <c r="AD50" s="88"/>
    </row>
    <row r="51" spans="2:30" s="290" customFormat="1" ht="17.25" customHeight="1" x14ac:dyDescent="0.15">
      <c r="B51" s="446"/>
      <c r="C51" s="447"/>
      <c r="D51" s="447"/>
      <c r="E51" s="447"/>
      <c r="F51" s="448"/>
      <c r="G51" s="299"/>
      <c r="H51" s="259"/>
      <c r="I51" s="259"/>
      <c r="J51" s="259"/>
      <c r="K51" s="259"/>
      <c r="L51" s="259"/>
      <c r="M51" s="259"/>
      <c r="N51" s="259"/>
      <c r="O51" s="259"/>
      <c r="P51" s="259"/>
      <c r="Q51" s="259"/>
      <c r="R51" s="259"/>
      <c r="S51" s="259"/>
      <c r="T51" s="135"/>
      <c r="U51" s="135"/>
      <c r="V51" s="259"/>
      <c r="W51" s="259"/>
      <c r="X51" s="259"/>
      <c r="Y51" s="259"/>
      <c r="Z51" s="299"/>
      <c r="AA51" s="259"/>
      <c r="AB51" s="259"/>
      <c r="AC51" s="317"/>
      <c r="AD51" s="325"/>
    </row>
    <row r="52" spans="2:30" s="290" customFormat="1" ht="17.25" customHeight="1" x14ac:dyDescent="0.15">
      <c r="B52" s="441" t="s">
        <v>395</v>
      </c>
      <c r="C52" s="442"/>
      <c r="D52" s="442"/>
      <c r="E52" s="442"/>
      <c r="F52" s="443"/>
      <c r="G52" s="296"/>
      <c r="H52" s="297"/>
      <c r="I52" s="297"/>
      <c r="J52" s="297"/>
      <c r="K52" s="297"/>
      <c r="L52" s="297"/>
      <c r="M52" s="297"/>
      <c r="N52" s="297"/>
      <c r="O52" s="297"/>
      <c r="P52" s="297"/>
      <c r="Q52" s="297"/>
      <c r="R52" s="297"/>
      <c r="S52" s="297"/>
      <c r="T52" s="297"/>
      <c r="U52" s="297"/>
      <c r="V52" s="297"/>
      <c r="W52" s="297"/>
      <c r="X52" s="297"/>
      <c r="Y52" s="297"/>
      <c r="Z52" s="296"/>
      <c r="AA52" s="297"/>
      <c r="AB52" s="297"/>
      <c r="AC52" s="323"/>
      <c r="AD52" s="324"/>
    </row>
    <row r="53" spans="2:30" s="290" customFormat="1" ht="17.25" customHeight="1" x14ac:dyDescent="0.15">
      <c r="B53" s="444"/>
      <c r="C53" s="439"/>
      <c r="D53" s="439"/>
      <c r="E53" s="439"/>
      <c r="F53" s="445"/>
      <c r="G53" s="295"/>
      <c r="H53" s="290" t="s">
        <v>390</v>
      </c>
      <c r="Z53" s="295"/>
      <c r="AA53" s="94" t="s">
        <v>94</v>
      </c>
      <c r="AB53" s="94" t="s">
        <v>95</v>
      </c>
      <c r="AC53" s="94" t="s">
        <v>96</v>
      </c>
      <c r="AD53" s="131"/>
    </row>
    <row r="54" spans="2:30" s="290" customFormat="1" ht="25.5" customHeight="1" x14ac:dyDescent="0.15">
      <c r="B54" s="444"/>
      <c r="C54" s="439"/>
      <c r="D54" s="439"/>
      <c r="E54" s="439"/>
      <c r="F54" s="445"/>
      <c r="G54" s="295"/>
      <c r="I54" s="285" t="s">
        <v>180</v>
      </c>
      <c r="J54" s="474" t="s">
        <v>407</v>
      </c>
      <c r="K54" s="475"/>
      <c r="L54" s="475"/>
      <c r="M54" s="475"/>
      <c r="N54" s="475"/>
      <c r="O54" s="475"/>
      <c r="P54" s="475"/>
      <c r="Q54" s="475"/>
      <c r="R54" s="475"/>
      <c r="S54" s="475"/>
      <c r="T54" s="475"/>
      <c r="U54" s="393"/>
      <c r="V54" s="398"/>
      <c r="W54" s="287" t="s">
        <v>181</v>
      </c>
      <c r="Z54" s="295"/>
      <c r="AA54" s="335"/>
      <c r="AB54" s="272"/>
      <c r="AC54" s="335"/>
      <c r="AD54" s="88"/>
    </row>
    <row r="55" spans="2:30" s="290" customFormat="1" ht="26.25" customHeight="1" x14ac:dyDescent="0.15">
      <c r="B55" s="444"/>
      <c r="C55" s="439"/>
      <c r="D55" s="439"/>
      <c r="E55" s="439"/>
      <c r="F55" s="445"/>
      <c r="G55" s="295"/>
      <c r="I55" s="318" t="s">
        <v>182</v>
      </c>
      <c r="J55" s="476" t="s">
        <v>1048</v>
      </c>
      <c r="K55" s="473"/>
      <c r="L55" s="473"/>
      <c r="M55" s="473"/>
      <c r="N55" s="473"/>
      <c r="O55" s="473"/>
      <c r="P55" s="473"/>
      <c r="Q55" s="473"/>
      <c r="R55" s="473"/>
      <c r="S55" s="473"/>
      <c r="T55" s="473"/>
      <c r="U55" s="393"/>
      <c r="V55" s="398"/>
      <c r="W55" s="300" t="s">
        <v>181</v>
      </c>
      <c r="Y55" s="134"/>
      <c r="Z55" s="91"/>
      <c r="AA55" s="109" t="s">
        <v>0</v>
      </c>
      <c r="AB55" s="109" t="s">
        <v>95</v>
      </c>
      <c r="AC55" s="109" t="s">
        <v>0</v>
      </c>
      <c r="AD55" s="88"/>
    </row>
    <row r="56" spans="2:30" s="290" customFormat="1" ht="17.25" customHeight="1" x14ac:dyDescent="0.15">
      <c r="B56" s="446"/>
      <c r="C56" s="447"/>
      <c r="D56" s="447"/>
      <c r="E56" s="447"/>
      <c r="F56" s="448"/>
      <c r="G56" s="299"/>
      <c r="H56" s="259"/>
      <c r="I56" s="259"/>
      <c r="J56" s="259"/>
      <c r="K56" s="259"/>
      <c r="L56" s="259"/>
      <c r="M56" s="259"/>
      <c r="N56" s="259"/>
      <c r="O56" s="259"/>
      <c r="P56" s="259"/>
      <c r="Q56" s="259"/>
      <c r="R56" s="259"/>
      <c r="S56" s="259"/>
      <c r="T56" s="135"/>
      <c r="U56" s="135"/>
      <c r="V56" s="259"/>
      <c r="W56" s="259"/>
      <c r="X56" s="259"/>
      <c r="Y56" s="259"/>
      <c r="Z56" s="299"/>
      <c r="AA56" s="259"/>
      <c r="AB56" s="259"/>
      <c r="AC56" s="317"/>
      <c r="AD56" s="325"/>
    </row>
    <row r="57" spans="2:30" s="290" customFormat="1" ht="17.25" customHeight="1" x14ac:dyDescent="0.15">
      <c r="B57" s="289"/>
      <c r="C57" s="289"/>
      <c r="D57" s="289"/>
      <c r="E57" s="289"/>
      <c r="F57" s="289"/>
      <c r="T57" s="134"/>
      <c r="U57" s="134"/>
    </row>
    <row r="58" spans="2:30" s="290" customFormat="1" ht="17.25" customHeight="1" x14ac:dyDescent="0.15">
      <c r="B58" s="490" t="s">
        <v>409</v>
      </c>
      <c r="C58" s="477"/>
      <c r="D58" s="139" t="s">
        <v>291</v>
      </c>
      <c r="E58" s="139"/>
      <c r="F58" s="139"/>
      <c r="G58" s="139"/>
      <c r="H58" s="139"/>
      <c r="I58" s="139"/>
      <c r="J58" s="139"/>
      <c r="K58" s="139"/>
      <c r="L58" s="139"/>
      <c r="M58" s="139"/>
      <c r="N58" s="139"/>
      <c r="O58" s="139"/>
      <c r="P58" s="139"/>
      <c r="Q58" s="139"/>
      <c r="R58" s="139"/>
      <c r="S58" s="139"/>
      <c r="T58" s="139"/>
      <c r="U58" s="139"/>
      <c r="V58" s="139"/>
      <c r="W58" s="139"/>
      <c r="X58" s="139"/>
      <c r="Y58" s="139"/>
      <c r="Z58" s="139"/>
      <c r="AA58" s="139"/>
      <c r="AB58" s="139"/>
      <c r="AC58" s="139"/>
      <c r="AD58" s="139"/>
    </row>
    <row r="59" spans="2:30" s="290" customFormat="1" ht="17.25" customHeight="1" x14ac:dyDescent="0.15">
      <c r="B59" s="507"/>
      <c r="C59" s="508"/>
      <c r="D59" s="509"/>
      <c r="E59" s="509"/>
      <c r="F59" s="509"/>
      <c r="G59" s="509"/>
      <c r="H59" s="509"/>
      <c r="I59" s="509"/>
      <c r="J59" s="509"/>
      <c r="K59" s="509"/>
      <c r="L59" s="509"/>
      <c r="M59" s="509"/>
      <c r="N59" s="509"/>
      <c r="O59" s="509"/>
      <c r="P59" s="509"/>
      <c r="Q59" s="509"/>
      <c r="R59" s="509"/>
      <c r="S59" s="509"/>
      <c r="T59" s="509"/>
      <c r="U59" s="509"/>
      <c r="V59" s="509"/>
      <c r="W59" s="509"/>
      <c r="X59" s="509"/>
      <c r="Y59" s="509"/>
      <c r="Z59" s="509"/>
      <c r="AA59" s="509"/>
      <c r="AB59" s="509"/>
      <c r="AC59" s="509"/>
      <c r="AD59" s="509"/>
    </row>
    <row r="60" spans="2:30" s="290" customFormat="1" ht="17.25" customHeight="1" x14ac:dyDescent="0.15">
      <c r="B60" s="260"/>
      <c r="C60" s="260"/>
      <c r="D60" s="260"/>
      <c r="E60" s="260"/>
      <c r="F60" s="260"/>
      <c r="G60" s="260"/>
      <c r="H60" s="260"/>
      <c r="I60" s="260"/>
      <c r="J60" s="260"/>
      <c r="K60" s="260"/>
      <c r="L60" s="260"/>
      <c r="M60" s="260"/>
      <c r="N60" s="260"/>
      <c r="O60" s="260"/>
      <c r="P60" s="260"/>
      <c r="Q60" s="260"/>
      <c r="R60" s="260"/>
      <c r="S60" s="260"/>
      <c r="T60" s="260"/>
      <c r="U60" s="260"/>
      <c r="V60" s="260"/>
      <c r="W60" s="260"/>
      <c r="X60" s="260"/>
      <c r="Y60" s="260"/>
      <c r="Z60" s="260"/>
      <c r="AA60" s="260"/>
      <c r="AB60" s="260"/>
      <c r="AC60" s="260"/>
      <c r="AD60" s="260"/>
    </row>
    <row r="61" spans="2:30" s="290" customFormat="1" ht="17.25" customHeight="1" x14ac:dyDescent="0.15">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c r="AC61" s="14"/>
      <c r="AD61" s="14"/>
    </row>
    <row r="62" spans="2:30" s="14" customFormat="1" ht="17.25" customHeight="1" x14ac:dyDescent="0.15"/>
    <row r="63" spans="2:30" ht="17.25" customHeight="1" x14ac:dyDescent="0.15">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c r="AC63" s="14"/>
      <c r="AD63" s="14"/>
    </row>
    <row r="64" spans="2:30" ht="17.25" customHeight="1" x14ac:dyDescent="0.15">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c r="AC64" s="14"/>
      <c r="AD64" s="14"/>
    </row>
    <row r="65" spans="2:30" s="14" customFormat="1" ht="17.25" customHeight="1" x14ac:dyDescent="0.15">
      <c r="B65" s="302"/>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row>
    <row r="66" spans="2:30" s="14" customFormat="1" ht="17.25" customHeight="1" x14ac:dyDescent="0.15">
      <c r="B66" s="302"/>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row>
    <row r="67" spans="2:30" s="14" customFormat="1" ht="17.25" customHeight="1" x14ac:dyDescent="0.15">
      <c r="B67" s="302"/>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row>
    <row r="68" spans="2:30" s="14" customFormat="1" ht="17.25" customHeight="1" x14ac:dyDescent="0.15">
      <c r="B68" s="3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row>
    <row r="69" spans="2:30" s="14" customFormat="1" ht="17.25" customHeight="1" x14ac:dyDescent="0.15">
      <c r="B69" s="302"/>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row>
    <row r="70" spans="2:30" s="14" customFormat="1" ht="17.25" customHeight="1" x14ac:dyDescent="0.15">
      <c r="B70" s="302"/>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row>
    <row r="122" spans="3:7" ht="17.25" customHeight="1" x14ac:dyDescent="0.15">
      <c r="C122" s="59"/>
      <c r="D122" s="59"/>
      <c r="E122" s="59"/>
      <c r="F122" s="59"/>
      <c r="G122" s="59"/>
    </row>
    <row r="123" spans="3:7" ht="17.25" customHeight="1" x14ac:dyDescent="0.15">
      <c r="C123" s="57"/>
    </row>
  </sheetData>
  <mergeCells count="39">
    <mergeCell ref="B59:C59"/>
    <mergeCell ref="D59:AD59"/>
    <mergeCell ref="B52:F56"/>
    <mergeCell ref="J54:T54"/>
    <mergeCell ref="U54:V54"/>
    <mergeCell ref="J55:T55"/>
    <mergeCell ref="U55:V55"/>
    <mergeCell ref="B58:C58"/>
    <mergeCell ref="B42:F46"/>
    <mergeCell ref="J44:T44"/>
    <mergeCell ref="U44:V44"/>
    <mergeCell ref="U45:V45"/>
    <mergeCell ref="B47:F51"/>
    <mergeCell ref="J49:T49"/>
    <mergeCell ref="U49:V49"/>
    <mergeCell ref="J50:T50"/>
    <mergeCell ref="U50:V50"/>
    <mergeCell ref="B28:F29"/>
    <mergeCell ref="G29:AD29"/>
    <mergeCell ref="B34:F38"/>
    <mergeCell ref="J36:T36"/>
    <mergeCell ref="U36:V36"/>
    <mergeCell ref="U37:V37"/>
    <mergeCell ref="B9:F9"/>
    <mergeCell ref="B10:F12"/>
    <mergeCell ref="B13:F14"/>
    <mergeCell ref="B19:F26"/>
    <mergeCell ref="J21:T21"/>
    <mergeCell ref="U21:V21"/>
    <mergeCell ref="U22:V22"/>
    <mergeCell ref="J25:T25"/>
    <mergeCell ref="U25:V25"/>
    <mergeCell ref="V3:W3"/>
    <mergeCell ref="Y3:Z3"/>
    <mergeCell ref="AB3:AC3"/>
    <mergeCell ref="B5:AD5"/>
    <mergeCell ref="B6:AD6"/>
    <mergeCell ref="B8:F8"/>
    <mergeCell ref="G8:AD8"/>
  </mergeCells>
  <phoneticPr fontId="1"/>
  <dataValidations count="1">
    <dataValidation type="list" allowBlank="1" showInputMessage="1" showErrorMessage="1" sqref="G9:G14 L9 Q9 S13 AA22 AC22 AA25 AC25 AA37 AC37 AA45 AC45 AA50 AC50 AA55 AC55">
      <formula1>"□,■"</formula1>
    </dataValidation>
  </dataValidations>
  <pageMargins left="0.70866141732283472" right="0.70866141732283472" top="0.74803149606299213" bottom="0.74803149606299213" header="0.31496062992125984" footer="0.31496062992125984"/>
  <pageSetup paperSize="9" scale="77" orientation="portrait" r:id="rId1"/>
  <rowBreaks count="1" manualBreakCount="1">
    <brk id="59" max="16383" man="1"/>
  </row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F123"/>
  <sheetViews>
    <sheetView zoomScaleNormal="100" zoomScaleSheetLayoutView="115" workbookViewId="0">
      <selection activeCell="F61" sqref="F61"/>
    </sheetView>
  </sheetViews>
  <sheetFormatPr defaultColWidth="3.5" defaultRowHeight="13.5" x14ac:dyDescent="0.15"/>
  <cols>
    <col min="1" max="1" width="1.25" style="3" customWidth="1"/>
    <col min="2" max="2" width="2" style="302" customWidth="1"/>
    <col min="3" max="27" width="3.5" style="3"/>
    <col min="28" max="28" width="2" style="3" customWidth="1"/>
    <col min="29" max="29" width="1.25" style="3" customWidth="1"/>
    <col min="30" max="16384" width="3.5" style="3"/>
  </cols>
  <sheetData>
    <row r="1" spans="2:28" s="290" customFormat="1" x14ac:dyDescent="0.15"/>
    <row r="2" spans="2:28" s="290" customFormat="1" x14ac:dyDescent="0.15">
      <c r="B2" s="290" t="s">
        <v>206</v>
      </c>
    </row>
    <row r="3" spans="2:28" s="290" customFormat="1" x14ac:dyDescent="0.15">
      <c r="U3" s="283" t="s">
        <v>9</v>
      </c>
      <c r="V3" s="272"/>
      <c r="W3" s="272" t="s">
        <v>10</v>
      </c>
      <c r="X3" s="272"/>
      <c r="Y3" s="272" t="s">
        <v>11</v>
      </c>
      <c r="Z3" s="272"/>
      <c r="AA3" s="272" t="s">
        <v>81</v>
      </c>
      <c r="AB3" s="283"/>
    </row>
    <row r="4" spans="2:28" s="290" customFormat="1" x14ac:dyDescent="0.15"/>
    <row r="5" spans="2:28" s="290" customFormat="1" ht="47.25" customHeight="1" x14ac:dyDescent="0.15">
      <c r="B5" s="439" t="s">
        <v>437</v>
      </c>
      <c r="C5" s="392"/>
      <c r="D5" s="392"/>
      <c r="E5" s="392"/>
      <c r="F5" s="392"/>
      <c r="G5" s="392"/>
      <c r="H5" s="392"/>
      <c r="I5" s="392"/>
      <c r="J5" s="392"/>
      <c r="K5" s="392"/>
      <c r="L5" s="392"/>
      <c r="M5" s="392"/>
      <c r="N5" s="392"/>
      <c r="O5" s="392"/>
      <c r="P5" s="392"/>
      <c r="Q5" s="392"/>
      <c r="R5" s="392"/>
      <c r="S5" s="392"/>
      <c r="T5" s="392"/>
      <c r="U5" s="392"/>
      <c r="V5" s="392"/>
      <c r="W5" s="392"/>
      <c r="X5" s="392"/>
      <c r="Y5" s="392"/>
      <c r="Z5" s="392"/>
      <c r="AA5" s="392"/>
      <c r="AB5" s="392"/>
    </row>
    <row r="6" spans="2:28" s="290" customFormat="1" x14ac:dyDescent="0.15"/>
    <row r="7" spans="2:28" s="290" customFormat="1" ht="39.75" customHeight="1" x14ac:dyDescent="0.15">
      <c r="B7" s="510" t="s">
        <v>361</v>
      </c>
      <c r="C7" s="510"/>
      <c r="D7" s="510"/>
      <c r="E7" s="510"/>
      <c r="F7" s="510"/>
      <c r="G7" s="510"/>
      <c r="H7" s="398"/>
      <c r="I7" s="399"/>
      <c r="J7" s="399"/>
      <c r="K7" s="399"/>
      <c r="L7" s="399"/>
      <c r="M7" s="399"/>
      <c r="N7" s="399"/>
      <c r="O7" s="399"/>
      <c r="P7" s="399"/>
      <c r="Q7" s="399"/>
      <c r="R7" s="399"/>
      <c r="S7" s="399"/>
      <c r="T7" s="399"/>
      <c r="U7" s="399"/>
      <c r="V7" s="399"/>
      <c r="W7" s="399"/>
      <c r="X7" s="399"/>
      <c r="Y7" s="399"/>
      <c r="Z7" s="399"/>
      <c r="AA7" s="399"/>
      <c r="AB7" s="400"/>
    </row>
    <row r="8" spans="2:28" ht="39.75" customHeight="1" x14ac:dyDescent="0.15">
      <c r="B8" s="511" t="s">
        <v>362</v>
      </c>
      <c r="C8" s="512"/>
      <c r="D8" s="512"/>
      <c r="E8" s="512"/>
      <c r="F8" s="512"/>
      <c r="G8" s="513"/>
      <c r="H8" s="107" t="s">
        <v>0</v>
      </c>
      <c r="I8" s="315" t="s">
        <v>87</v>
      </c>
      <c r="J8" s="315"/>
      <c r="K8" s="315"/>
      <c r="L8" s="315"/>
      <c r="M8" s="109" t="s">
        <v>0</v>
      </c>
      <c r="N8" s="315" t="s">
        <v>88</v>
      </c>
      <c r="O8" s="315"/>
      <c r="P8" s="315"/>
      <c r="Q8" s="315"/>
      <c r="R8" s="109" t="s">
        <v>0</v>
      </c>
      <c r="S8" s="315" t="s">
        <v>89</v>
      </c>
      <c r="T8" s="315"/>
      <c r="U8" s="315"/>
      <c r="V8" s="315"/>
      <c r="W8" s="315"/>
      <c r="X8" s="315"/>
      <c r="Y8" s="315"/>
      <c r="Z8" s="315"/>
      <c r="AA8" s="315"/>
      <c r="AB8" s="321"/>
    </row>
    <row r="9" spans="2:28" ht="27" customHeight="1" x14ac:dyDescent="0.15">
      <c r="B9" s="514" t="s">
        <v>438</v>
      </c>
      <c r="C9" s="515"/>
      <c r="D9" s="515"/>
      <c r="E9" s="515"/>
      <c r="F9" s="515"/>
      <c r="G9" s="516"/>
      <c r="H9" s="109" t="s">
        <v>0</v>
      </c>
      <c r="I9" s="323" t="s">
        <v>439</v>
      </c>
      <c r="J9" s="323"/>
      <c r="K9" s="323"/>
      <c r="L9" s="323"/>
      <c r="M9" s="323"/>
      <c r="N9" s="323"/>
      <c r="O9" s="323"/>
      <c r="P9" s="323"/>
      <c r="Q9" s="323"/>
      <c r="R9" s="323"/>
      <c r="S9" s="323"/>
      <c r="T9" s="323"/>
      <c r="U9" s="323"/>
      <c r="V9" s="323"/>
      <c r="W9" s="323"/>
      <c r="X9" s="323"/>
      <c r="Y9" s="323"/>
      <c r="Z9" s="323"/>
      <c r="AA9" s="323"/>
      <c r="AB9" s="324"/>
    </row>
    <row r="10" spans="2:28" ht="27" customHeight="1" x14ac:dyDescent="0.15">
      <c r="B10" s="483"/>
      <c r="C10" s="484"/>
      <c r="D10" s="484"/>
      <c r="E10" s="484"/>
      <c r="F10" s="484"/>
      <c r="G10" s="517"/>
      <c r="H10" s="110" t="s">
        <v>0</v>
      </c>
      <c r="I10" s="317" t="s">
        <v>440</v>
      </c>
      <c r="J10" s="317"/>
      <c r="K10" s="317"/>
      <c r="L10" s="317"/>
      <c r="M10" s="317"/>
      <c r="N10" s="317"/>
      <c r="O10" s="317"/>
      <c r="P10" s="317"/>
      <c r="Q10" s="317"/>
      <c r="R10" s="317"/>
      <c r="S10" s="317"/>
      <c r="T10" s="317"/>
      <c r="U10" s="317"/>
      <c r="V10" s="317"/>
      <c r="W10" s="317"/>
      <c r="X10" s="317"/>
      <c r="Y10" s="317"/>
      <c r="Z10" s="317"/>
      <c r="AA10" s="317"/>
      <c r="AB10" s="325"/>
    </row>
    <row r="11" spans="2:28" s="290" customFormat="1" x14ac:dyDescent="0.15"/>
    <row r="12" spans="2:28" s="290" customFormat="1" ht="7.5" customHeight="1" x14ac:dyDescent="0.15">
      <c r="B12" s="296"/>
      <c r="C12" s="297"/>
      <c r="D12" s="297"/>
      <c r="E12" s="297"/>
      <c r="F12" s="297"/>
      <c r="G12" s="297"/>
      <c r="H12" s="297"/>
      <c r="I12" s="297"/>
      <c r="J12" s="297"/>
      <c r="K12" s="297"/>
      <c r="L12" s="297"/>
      <c r="M12" s="297"/>
      <c r="N12" s="297"/>
      <c r="O12" s="297"/>
      <c r="P12" s="297"/>
      <c r="Q12" s="297"/>
      <c r="R12" s="297"/>
      <c r="S12" s="297"/>
      <c r="T12" s="297"/>
      <c r="U12" s="297"/>
      <c r="V12" s="297"/>
      <c r="W12" s="297"/>
      <c r="X12" s="297"/>
      <c r="Y12" s="297"/>
      <c r="Z12" s="297"/>
      <c r="AA12" s="297"/>
      <c r="AB12" s="298"/>
    </row>
    <row r="13" spans="2:28" s="290" customFormat="1" x14ac:dyDescent="0.15">
      <c r="B13" s="295"/>
      <c r="L13" s="272"/>
      <c r="Q13" s="272"/>
      <c r="W13" s="272"/>
      <c r="X13" s="272"/>
      <c r="AB13" s="294"/>
    </row>
    <row r="14" spans="2:28" s="290" customFormat="1" x14ac:dyDescent="0.15">
      <c r="B14" s="295"/>
      <c r="C14" s="290" t="s">
        <v>441</v>
      </c>
      <c r="AB14" s="294"/>
    </row>
    <row r="15" spans="2:28" s="290" customFormat="1" ht="4.5" customHeight="1" x14ac:dyDescent="0.15">
      <c r="B15" s="295"/>
      <c r="AB15" s="294"/>
    </row>
    <row r="16" spans="2:28" s="290" customFormat="1" ht="24" customHeight="1" x14ac:dyDescent="0.15">
      <c r="B16" s="295"/>
      <c r="C16" s="398" t="s">
        <v>335</v>
      </c>
      <c r="D16" s="399"/>
      <c r="E16" s="399"/>
      <c r="F16" s="399"/>
      <c r="G16" s="399"/>
      <c r="H16" s="399"/>
      <c r="I16" s="399"/>
      <c r="J16" s="399"/>
      <c r="K16" s="399"/>
      <c r="L16" s="399"/>
      <c r="M16" s="399"/>
      <c r="N16" s="399"/>
      <c r="O16" s="400"/>
      <c r="P16" s="398" t="s">
        <v>82</v>
      </c>
      <c r="Q16" s="399"/>
      <c r="R16" s="399"/>
      <c r="S16" s="399"/>
      <c r="T16" s="399"/>
      <c r="U16" s="399"/>
      <c r="V16" s="399"/>
      <c r="W16" s="399"/>
      <c r="X16" s="399"/>
      <c r="Y16" s="399"/>
      <c r="Z16" s="399"/>
      <c r="AA16" s="400"/>
      <c r="AB16" s="292"/>
    </row>
    <row r="17" spans="2:28" s="290" customFormat="1" ht="21" customHeight="1" x14ac:dyDescent="0.15">
      <c r="B17" s="295"/>
      <c r="C17" s="481"/>
      <c r="D17" s="482"/>
      <c r="E17" s="482"/>
      <c r="F17" s="482"/>
      <c r="G17" s="482"/>
      <c r="H17" s="482"/>
      <c r="I17" s="482"/>
      <c r="J17" s="482"/>
      <c r="K17" s="482"/>
      <c r="L17" s="482"/>
      <c r="M17" s="482"/>
      <c r="N17" s="482"/>
      <c r="O17" s="518"/>
      <c r="P17" s="398"/>
      <c r="Q17" s="399"/>
      <c r="R17" s="399"/>
      <c r="S17" s="399"/>
      <c r="T17" s="399"/>
      <c r="U17" s="399"/>
      <c r="V17" s="399"/>
      <c r="W17" s="399"/>
      <c r="X17" s="399"/>
      <c r="Y17" s="399"/>
      <c r="Z17" s="399"/>
      <c r="AA17" s="400"/>
      <c r="AB17" s="294"/>
    </row>
    <row r="18" spans="2:28" s="290" customFormat="1" ht="21" customHeight="1" x14ac:dyDescent="0.15">
      <c r="B18" s="295"/>
      <c r="C18" s="481"/>
      <c r="D18" s="482"/>
      <c r="E18" s="482"/>
      <c r="F18" s="482"/>
      <c r="G18" s="482"/>
      <c r="H18" s="482"/>
      <c r="I18" s="482"/>
      <c r="J18" s="482"/>
      <c r="K18" s="482"/>
      <c r="L18" s="482"/>
      <c r="M18" s="482"/>
      <c r="N18" s="482"/>
      <c r="O18" s="518"/>
      <c r="P18" s="398"/>
      <c r="Q18" s="399"/>
      <c r="R18" s="399"/>
      <c r="S18" s="399"/>
      <c r="T18" s="399"/>
      <c r="U18" s="399"/>
      <c r="V18" s="399"/>
      <c r="W18" s="399"/>
      <c r="X18" s="399"/>
      <c r="Y18" s="399"/>
      <c r="Z18" s="399"/>
      <c r="AA18" s="400"/>
      <c r="AB18" s="294"/>
    </row>
    <row r="19" spans="2:28" s="290" customFormat="1" ht="21" customHeight="1" x14ac:dyDescent="0.15">
      <c r="B19" s="295"/>
      <c r="C19" s="481"/>
      <c r="D19" s="482"/>
      <c r="E19" s="482"/>
      <c r="F19" s="482"/>
      <c r="G19" s="482"/>
      <c r="H19" s="482"/>
      <c r="I19" s="482"/>
      <c r="J19" s="482"/>
      <c r="K19" s="482"/>
      <c r="L19" s="482"/>
      <c r="M19" s="482"/>
      <c r="N19" s="482"/>
      <c r="O19" s="518"/>
      <c r="P19" s="398"/>
      <c r="Q19" s="399"/>
      <c r="R19" s="399"/>
      <c r="S19" s="399"/>
      <c r="T19" s="399"/>
      <c r="U19" s="399"/>
      <c r="V19" s="399"/>
      <c r="W19" s="399"/>
      <c r="X19" s="399"/>
      <c r="Y19" s="399"/>
      <c r="Z19" s="399"/>
      <c r="AA19" s="400"/>
      <c r="AB19" s="294"/>
    </row>
    <row r="20" spans="2:28" s="290" customFormat="1" ht="21" customHeight="1" x14ac:dyDescent="0.15">
      <c r="B20" s="295"/>
      <c r="C20" s="481"/>
      <c r="D20" s="482"/>
      <c r="E20" s="482"/>
      <c r="F20" s="482"/>
      <c r="G20" s="482"/>
      <c r="H20" s="482"/>
      <c r="I20" s="482"/>
      <c r="J20" s="482"/>
      <c r="K20" s="482"/>
      <c r="L20" s="482"/>
      <c r="M20" s="482"/>
      <c r="N20" s="482"/>
      <c r="O20" s="518"/>
      <c r="P20" s="398"/>
      <c r="Q20" s="399"/>
      <c r="R20" s="399"/>
      <c r="S20" s="399"/>
      <c r="T20" s="399"/>
      <c r="U20" s="399"/>
      <c r="V20" s="399"/>
      <c r="W20" s="399"/>
      <c r="X20" s="399"/>
      <c r="Y20" s="399"/>
      <c r="Z20" s="399"/>
      <c r="AA20" s="400"/>
      <c r="AB20" s="294"/>
    </row>
    <row r="21" spans="2:28" s="290" customFormat="1" ht="21" customHeight="1" x14ac:dyDescent="0.15">
      <c r="B21" s="295"/>
      <c r="C21" s="481"/>
      <c r="D21" s="482"/>
      <c r="E21" s="482"/>
      <c r="F21" s="482"/>
      <c r="G21" s="482"/>
      <c r="H21" s="482"/>
      <c r="I21" s="482"/>
      <c r="J21" s="482"/>
      <c r="K21" s="482"/>
      <c r="L21" s="482"/>
      <c r="M21" s="482"/>
      <c r="N21" s="482"/>
      <c r="O21" s="518"/>
      <c r="P21" s="398"/>
      <c r="Q21" s="399"/>
      <c r="R21" s="399"/>
      <c r="S21" s="399"/>
      <c r="T21" s="399"/>
      <c r="U21" s="399"/>
      <c r="V21" s="399"/>
      <c r="W21" s="399"/>
      <c r="X21" s="399"/>
      <c r="Y21" s="399"/>
      <c r="Z21" s="399"/>
      <c r="AA21" s="400"/>
      <c r="AB21" s="294"/>
    </row>
    <row r="22" spans="2:28" s="290" customFormat="1" ht="21" customHeight="1" x14ac:dyDescent="0.15">
      <c r="B22" s="295"/>
      <c r="C22" s="481"/>
      <c r="D22" s="482"/>
      <c r="E22" s="482"/>
      <c r="F22" s="482"/>
      <c r="G22" s="482"/>
      <c r="H22" s="482"/>
      <c r="I22" s="482"/>
      <c r="J22" s="482"/>
      <c r="K22" s="482"/>
      <c r="L22" s="482"/>
      <c r="M22" s="482"/>
      <c r="N22" s="482"/>
      <c r="O22" s="518"/>
      <c r="P22" s="398"/>
      <c r="Q22" s="399"/>
      <c r="R22" s="399"/>
      <c r="S22" s="399"/>
      <c r="T22" s="399"/>
      <c r="U22" s="399"/>
      <c r="V22" s="399"/>
      <c r="W22" s="399"/>
      <c r="X22" s="399"/>
      <c r="Y22" s="399"/>
      <c r="Z22" s="399"/>
      <c r="AA22" s="400"/>
      <c r="AB22" s="294"/>
    </row>
    <row r="23" spans="2:28" s="290" customFormat="1" ht="21" customHeight="1" x14ac:dyDescent="0.15">
      <c r="B23" s="295"/>
      <c r="C23" s="481"/>
      <c r="D23" s="482"/>
      <c r="E23" s="482"/>
      <c r="F23" s="482"/>
      <c r="G23" s="482"/>
      <c r="H23" s="482"/>
      <c r="I23" s="482"/>
      <c r="J23" s="482"/>
      <c r="K23" s="482"/>
      <c r="L23" s="482"/>
      <c r="M23" s="482"/>
      <c r="N23" s="482"/>
      <c r="O23" s="518"/>
      <c r="P23" s="398"/>
      <c r="Q23" s="399"/>
      <c r="R23" s="399"/>
      <c r="S23" s="399"/>
      <c r="T23" s="399"/>
      <c r="U23" s="399"/>
      <c r="V23" s="399"/>
      <c r="W23" s="399"/>
      <c r="X23" s="399"/>
      <c r="Y23" s="399"/>
      <c r="Z23" s="399"/>
      <c r="AA23" s="400"/>
      <c r="AB23" s="294"/>
    </row>
    <row r="24" spans="2:28" s="14" customFormat="1" x14ac:dyDescent="0.15">
      <c r="B24" s="54"/>
      <c r="C24" s="51"/>
      <c r="D24" s="51"/>
      <c r="E24" s="51"/>
      <c r="F24" s="51"/>
      <c r="G24" s="51"/>
      <c r="H24" s="51"/>
      <c r="I24" s="51"/>
      <c r="J24" s="51"/>
      <c r="K24" s="51"/>
      <c r="L24" s="51"/>
      <c r="M24" s="51"/>
      <c r="N24" s="51"/>
      <c r="O24" s="51"/>
      <c r="P24" s="51"/>
      <c r="Q24" s="51"/>
      <c r="R24" s="51"/>
      <c r="S24" s="51"/>
      <c r="T24" s="51"/>
      <c r="U24" s="51"/>
      <c r="V24" s="51"/>
      <c r="W24" s="51"/>
      <c r="X24" s="51"/>
      <c r="Y24" s="51"/>
      <c r="Z24" s="51"/>
      <c r="AA24" s="51"/>
      <c r="AB24" s="52"/>
    </row>
    <row r="25" spans="2:28" x14ac:dyDescent="0.15">
      <c r="B25" s="14"/>
      <c r="C25" s="14"/>
      <c r="D25" s="14"/>
      <c r="E25" s="14"/>
      <c r="F25" s="14"/>
      <c r="G25" s="14"/>
      <c r="H25" s="14"/>
      <c r="I25" s="14"/>
      <c r="J25" s="14"/>
      <c r="K25" s="14"/>
      <c r="L25" s="14"/>
      <c r="M25" s="14"/>
      <c r="N25" s="14"/>
      <c r="O25" s="14"/>
      <c r="P25" s="14"/>
      <c r="Q25" s="14"/>
      <c r="R25" s="14"/>
      <c r="S25" s="14"/>
      <c r="T25" s="14"/>
      <c r="U25" s="14"/>
      <c r="V25" s="14"/>
      <c r="W25" s="14"/>
      <c r="X25" s="14"/>
      <c r="Y25" s="14"/>
      <c r="Z25" s="14"/>
      <c r="AA25" s="14"/>
      <c r="AB25" s="14"/>
    </row>
    <row r="26" spans="2:28" x14ac:dyDescent="0.15">
      <c r="B26" s="14"/>
      <c r="C26" s="14"/>
      <c r="D26" s="14"/>
      <c r="E26" s="14"/>
      <c r="F26" s="14"/>
      <c r="G26" s="14"/>
      <c r="H26" s="14"/>
      <c r="I26" s="14"/>
      <c r="J26" s="14"/>
      <c r="K26" s="14"/>
      <c r="L26" s="14"/>
      <c r="M26" s="14"/>
      <c r="N26" s="14"/>
      <c r="O26" s="14"/>
      <c r="P26" s="14"/>
      <c r="Q26" s="14"/>
      <c r="R26" s="14"/>
      <c r="S26" s="14"/>
      <c r="T26" s="14"/>
      <c r="U26" s="14"/>
      <c r="V26" s="14"/>
      <c r="W26" s="14"/>
      <c r="X26" s="14"/>
      <c r="Y26" s="14"/>
      <c r="Z26" s="14"/>
      <c r="AA26" s="14"/>
      <c r="AB26" s="14"/>
    </row>
    <row r="27" spans="2:28" s="14" customFormat="1" x14ac:dyDescent="0.15">
      <c r="B27" s="302"/>
      <c r="C27" s="3"/>
      <c r="D27" s="3"/>
      <c r="E27" s="3"/>
      <c r="F27" s="3"/>
      <c r="G27" s="3"/>
      <c r="H27" s="3"/>
      <c r="I27" s="3"/>
      <c r="J27" s="3"/>
      <c r="K27" s="3"/>
      <c r="L27" s="3"/>
      <c r="M27" s="3"/>
      <c r="N27" s="3"/>
      <c r="O27" s="3"/>
      <c r="P27" s="3"/>
      <c r="Q27" s="3"/>
      <c r="R27" s="3"/>
      <c r="S27" s="3"/>
      <c r="T27" s="3"/>
      <c r="U27" s="3"/>
      <c r="V27" s="3"/>
      <c r="W27" s="3"/>
      <c r="X27" s="3"/>
      <c r="Y27" s="3"/>
      <c r="Z27" s="3"/>
      <c r="AA27" s="3"/>
      <c r="AB27" s="3"/>
    </row>
    <row r="28" spans="2:28" s="14" customFormat="1" x14ac:dyDescent="0.15">
      <c r="B28" s="302"/>
      <c r="C28" s="3"/>
      <c r="D28" s="3"/>
      <c r="E28" s="3"/>
      <c r="F28" s="3"/>
      <c r="G28" s="3"/>
      <c r="H28" s="3"/>
      <c r="I28" s="3"/>
      <c r="J28" s="3"/>
      <c r="K28" s="3"/>
      <c r="L28" s="3"/>
      <c r="M28" s="3"/>
      <c r="N28" s="3"/>
      <c r="O28" s="3"/>
      <c r="P28" s="3"/>
      <c r="Q28" s="3"/>
      <c r="R28" s="3"/>
      <c r="S28" s="3"/>
      <c r="T28" s="3"/>
      <c r="U28" s="3"/>
      <c r="V28" s="3"/>
      <c r="W28" s="3"/>
      <c r="X28" s="3"/>
      <c r="Y28" s="3"/>
      <c r="Z28" s="3"/>
      <c r="AA28" s="3"/>
      <c r="AB28" s="3"/>
    </row>
    <row r="29" spans="2:28" s="14" customFormat="1" x14ac:dyDescent="0.15">
      <c r="B29" s="302"/>
      <c r="C29" s="3"/>
      <c r="D29" s="3"/>
      <c r="E29" s="3"/>
      <c r="F29" s="3"/>
      <c r="G29" s="3"/>
      <c r="H29" s="3"/>
      <c r="I29" s="3"/>
      <c r="J29" s="3"/>
      <c r="K29" s="3"/>
      <c r="L29" s="3"/>
      <c r="M29" s="3"/>
      <c r="N29" s="3"/>
      <c r="O29" s="3"/>
      <c r="P29" s="3"/>
      <c r="Q29" s="3"/>
      <c r="R29" s="3"/>
      <c r="S29" s="3"/>
      <c r="T29" s="3"/>
      <c r="U29" s="3"/>
      <c r="V29" s="3"/>
      <c r="W29" s="3"/>
      <c r="X29" s="3"/>
      <c r="Y29" s="3"/>
      <c r="Z29" s="3"/>
      <c r="AA29" s="3"/>
      <c r="AB29" s="3"/>
    </row>
    <row r="30" spans="2:28" s="14" customFormat="1" x14ac:dyDescent="0.15">
      <c r="B30" s="302"/>
      <c r="C30" s="3"/>
      <c r="D30" s="3"/>
      <c r="E30" s="3"/>
      <c r="F30" s="3"/>
      <c r="G30" s="3"/>
      <c r="H30" s="3"/>
      <c r="I30" s="3"/>
      <c r="J30" s="3"/>
      <c r="K30" s="3"/>
      <c r="L30" s="3"/>
      <c r="M30" s="3"/>
      <c r="N30" s="3"/>
      <c r="O30" s="3"/>
      <c r="P30" s="3"/>
      <c r="Q30" s="3"/>
      <c r="R30" s="3"/>
      <c r="S30" s="3"/>
      <c r="T30" s="3"/>
      <c r="U30" s="3"/>
      <c r="V30" s="3"/>
      <c r="W30" s="3"/>
      <c r="X30" s="3"/>
      <c r="Y30" s="3"/>
      <c r="Z30" s="3"/>
      <c r="AA30" s="3"/>
      <c r="AB30" s="3"/>
    </row>
    <row r="31" spans="2:28" s="14" customFormat="1" x14ac:dyDescent="0.15">
      <c r="B31" s="302"/>
      <c r="C31" s="3"/>
      <c r="D31" s="3"/>
      <c r="E31" s="3"/>
      <c r="F31" s="3"/>
      <c r="G31" s="3"/>
      <c r="H31" s="3"/>
      <c r="I31" s="3"/>
      <c r="J31" s="3"/>
      <c r="K31" s="3"/>
      <c r="L31" s="3"/>
      <c r="M31" s="3"/>
      <c r="N31" s="3"/>
      <c r="O31" s="3"/>
      <c r="P31" s="3"/>
      <c r="Q31" s="3"/>
      <c r="R31" s="3"/>
      <c r="S31" s="3"/>
      <c r="T31" s="3"/>
      <c r="U31" s="3"/>
      <c r="V31" s="3"/>
      <c r="W31" s="3"/>
      <c r="X31" s="3"/>
      <c r="Y31" s="3"/>
      <c r="Z31" s="3"/>
      <c r="AA31" s="3"/>
      <c r="AB31" s="3"/>
    </row>
    <row r="32" spans="2:28" s="14" customFormat="1" x14ac:dyDescent="0.15">
      <c r="B32" s="302"/>
      <c r="C32" s="3"/>
      <c r="D32" s="3"/>
      <c r="E32" s="3"/>
      <c r="F32" s="3"/>
      <c r="G32" s="3"/>
      <c r="H32" s="3"/>
      <c r="I32" s="3"/>
      <c r="J32" s="3"/>
      <c r="K32" s="3"/>
      <c r="L32" s="3"/>
      <c r="M32" s="3"/>
      <c r="N32" s="3"/>
      <c r="O32" s="3"/>
      <c r="P32" s="3"/>
      <c r="Q32" s="3"/>
      <c r="R32" s="3"/>
      <c r="S32" s="3"/>
      <c r="T32" s="3"/>
      <c r="U32" s="3"/>
      <c r="V32" s="3"/>
      <c r="W32" s="3"/>
      <c r="X32" s="3"/>
      <c r="Y32" s="3"/>
      <c r="Z32" s="3"/>
      <c r="AA32" s="3"/>
      <c r="AB32" s="3"/>
    </row>
    <row r="38" spans="3:32" x14ac:dyDescent="0.15">
      <c r="C38" s="59"/>
      <c r="D38" s="59"/>
      <c r="E38" s="59"/>
      <c r="F38" s="59"/>
      <c r="G38" s="59"/>
      <c r="H38" s="59"/>
      <c r="I38" s="59"/>
      <c r="J38" s="59"/>
      <c r="K38" s="59"/>
      <c r="L38" s="59"/>
      <c r="M38" s="59"/>
      <c r="N38" s="59"/>
      <c r="O38" s="59"/>
      <c r="P38" s="59"/>
      <c r="Q38" s="59"/>
      <c r="R38" s="59"/>
      <c r="S38" s="59"/>
      <c r="T38" s="59"/>
      <c r="U38" s="59"/>
      <c r="V38" s="59"/>
      <c r="W38" s="59"/>
      <c r="X38" s="59"/>
      <c r="Y38" s="59"/>
      <c r="Z38" s="59"/>
      <c r="AA38" s="59"/>
      <c r="AB38" s="59"/>
      <c r="AC38" s="59"/>
      <c r="AD38" s="59"/>
      <c r="AE38" s="59"/>
      <c r="AF38" s="59"/>
    </row>
    <row r="39" spans="3:32" x14ac:dyDescent="0.15">
      <c r="C39" s="57"/>
    </row>
    <row r="122" spans="3:7" x14ac:dyDescent="0.15">
      <c r="C122" s="59"/>
      <c r="D122" s="59"/>
      <c r="E122" s="59"/>
      <c r="F122" s="59"/>
      <c r="G122" s="59"/>
    </row>
    <row r="123" spans="3:7" x14ac:dyDescent="0.15">
      <c r="C123" s="57"/>
    </row>
  </sheetData>
  <mergeCells count="21">
    <mergeCell ref="C23:O23"/>
    <mergeCell ref="P23:AA23"/>
    <mergeCell ref="C20:O20"/>
    <mergeCell ref="P20:AA20"/>
    <mergeCell ref="C21:O21"/>
    <mergeCell ref="P21:AA21"/>
    <mergeCell ref="C22:O22"/>
    <mergeCell ref="P22:AA22"/>
    <mergeCell ref="C17:O17"/>
    <mergeCell ref="P17:AA17"/>
    <mergeCell ref="C18:O18"/>
    <mergeCell ref="P18:AA18"/>
    <mergeCell ref="C19:O19"/>
    <mergeCell ref="P19:AA19"/>
    <mergeCell ref="C16:O16"/>
    <mergeCell ref="P16:AA16"/>
    <mergeCell ref="B5:AB5"/>
    <mergeCell ref="B7:G7"/>
    <mergeCell ref="H7:AB7"/>
    <mergeCell ref="B8:G8"/>
    <mergeCell ref="B9:G10"/>
  </mergeCells>
  <phoneticPr fontId="1"/>
  <dataValidations count="1">
    <dataValidation type="list" allowBlank="1" showInputMessage="1" showErrorMessage="1" sqref="H8:H10 M8 R8">
      <formula1>"□,■"</formula1>
    </dataValidation>
  </dataValidations>
  <pageMargins left="0.7" right="0.7" top="0.75" bottom="0.75" header="0.3" footer="0.3"/>
  <pageSetup paperSize="9" scale="96"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F123"/>
  <sheetViews>
    <sheetView zoomScaleNormal="100" zoomScaleSheetLayoutView="85" workbookViewId="0">
      <selection activeCell="F61" sqref="F61"/>
    </sheetView>
  </sheetViews>
  <sheetFormatPr defaultColWidth="4" defaultRowHeight="13.5" x14ac:dyDescent="0.15"/>
  <cols>
    <col min="1" max="1" width="1.5" style="290" customWidth="1"/>
    <col min="2" max="2" width="2.375" style="290" customWidth="1"/>
    <col min="3" max="3" width="1.125" style="290" customWidth="1"/>
    <col min="4" max="19" width="4" style="290"/>
    <col min="20" max="20" width="7.125" style="290" customWidth="1"/>
    <col min="21" max="21" width="3.875" style="290" customWidth="1"/>
    <col min="22" max="22" width="4" style="290"/>
    <col min="23" max="23" width="2.25" style="290" customWidth="1"/>
    <col min="24" max="24" width="4.625" style="290" customWidth="1"/>
    <col min="25" max="25" width="2.375" style="290" customWidth="1"/>
    <col min="26" max="26" width="1.5" style="290" customWidth="1"/>
    <col min="27" max="16384" width="4" style="290"/>
  </cols>
  <sheetData>
    <row r="2" spans="2:25" x14ac:dyDescent="0.15">
      <c r="B2" s="290" t="s">
        <v>221</v>
      </c>
      <c r="C2"/>
      <c r="D2"/>
      <c r="E2"/>
      <c r="F2"/>
      <c r="G2"/>
      <c r="H2"/>
      <c r="I2"/>
      <c r="J2"/>
      <c r="K2"/>
      <c r="L2"/>
      <c r="M2"/>
      <c r="N2"/>
      <c r="O2"/>
      <c r="P2"/>
      <c r="Q2"/>
      <c r="R2"/>
      <c r="S2"/>
      <c r="T2"/>
      <c r="U2"/>
      <c r="V2"/>
      <c r="W2"/>
      <c r="X2"/>
      <c r="Y2"/>
    </row>
    <row r="4" spans="2:25" x14ac:dyDescent="0.15">
      <c r="B4" s="519" t="s">
        <v>928</v>
      </c>
      <c r="C4" s="519"/>
      <c r="D4" s="519"/>
      <c r="E4" s="519"/>
      <c r="F4" s="519"/>
      <c r="G4" s="519"/>
      <c r="H4" s="519"/>
      <c r="I4" s="519"/>
      <c r="J4" s="519"/>
      <c r="K4" s="519"/>
      <c r="L4" s="519"/>
      <c r="M4" s="519"/>
      <c r="N4" s="519"/>
      <c r="O4" s="519"/>
      <c r="P4" s="519"/>
      <c r="Q4" s="519"/>
      <c r="R4" s="519"/>
      <c r="S4" s="519"/>
      <c r="T4" s="519"/>
      <c r="U4" s="519"/>
      <c r="V4" s="519"/>
      <c r="W4" s="519"/>
      <c r="X4" s="519"/>
      <c r="Y4" s="519"/>
    </row>
    <row r="6" spans="2:25" ht="23.25" customHeight="1" x14ac:dyDescent="0.15">
      <c r="B6" s="393" t="s">
        <v>115</v>
      </c>
      <c r="C6" s="393"/>
      <c r="D6" s="393"/>
      <c r="E6" s="393"/>
      <c r="F6" s="393"/>
      <c r="G6" s="394"/>
      <c r="H6" s="395"/>
      <c r="I6" s="395"/>
      <c r="J6" s="395"/>
      <c r="K6" s="395"/>
      <c r="L6" s="395"/>
      <c r="M6" s="395"/>
      <c r="N6" s="395"/>
      <c r="O6" s="395"/>
      <c r="P6" s="395"/>
      <c r="Q6" s="395"/>
      <c r="R6" s="395"/>
      <c r="S6" s="395"/>
      <c r="T6" s="395"/>
      <c r="U6" s="395"/>
      <c r="V6" s="395"/>
      <c r="W6" s="395"/>
      <c r="X6" s="395"/>
      <c r="Y6" s="396"/>
    </row>
    <row r="7" spans="2:25" ht="23.25" customHeight="1" x14ac:dyDescent="0.15">
      <c r="B7" s="393" t="s">
        <v>116</v>
      </c>
      <c r="C7" s="393"/>
      <c r="D7" s="393"/>
      <c r="E7" s="393"/>
      <c r="F7" s="393"/>
      <c r="G7" s="249" t="s">
        <v>0</v>
      </c>
      <c r="H7" s="315" t="s">
        <v>87</v>
      </c>
      <c r="I7" s="315"/>
      <c r="J7" s="315"/>
      <c r="K7" s="315"/>
      <c r="L7" s="272" t="s">
        <v>0</v>
      </c>
      <c r="M7" s="315" t="s">
        <v>88</v>
      </c>
      <c r="N7" s="315"/>
      <c r="O7" s="315"/>
      <c r="P7" s="315"/>
      <c r="Q7" s="272" t="s">
        <v>0</v>
      </c>
      <c r="R7" s="315" t="s">
        <v>89</v>
      </c>
      <c r="S7" s="315"/>
      <c r="T7" s="315"/>
      <c r="U7" s="315"/>
      <c r="V7" s="315"/>
      <c r="W7" s="286"/>
      <c r="X7" s="286"/>
      <c r="Y7" s="287"/>
    </row>
    <row r="8" spans="2:25" ht="20.100000000000001" customHeight="1" x14ac:dyDescent="0.15">
      <c r="B8" s="401" t="s">
        <v>117</v>
      </c>
      <c r="C8" s="402"/>
      <c r="D8" s="402"/>
      <c r="E8" s="402"/>
      <c r="F8" s="403"/>
      <c r="G8" s="272" t="s">
        <v>0</v>
      </c>
      <c r="H8" s="297" t="s">
        <v>118</v>
      </c>
      <c r="I8" s="265"/>
      <c r="J8" s="265"/>
      <c r="K8" s="265"/>
      <c r="L8" s="265"/>
      <c r="M8" s="265"/>
      <c r="N8" s="265"/>
      <c r="O8" s="265"/>
      <c r="P8" s="265"/>
      <c r="Q8" s="265"/>
      <c r="R8" s="265"/>
      <c r="S8" s="265"/>
      <c r="T8" s="265"/>
      <c r="U8" s="265"/>
      <c r="V8" s="265"/>
      <c r="W8" s="265"/>
      <c r="X8" s="265"/>
      <c r="Y8" s="266"/>
    </row>
    <row r="9" spans="2:25" ht="20.100000000000001" customHeight="1" x14ac:dyDescent="0.15">
      <c r="B9" s="421"/>
      <c r="C9" s="392"/>
      <c r="D9" s="392"/>
      <c r="E9" s="392"/>
      <c r="F9" s="422"/>
      <c r="G9" s="272" t="s">
        <v>0</v>
      </c>
      <c r="H9" s="290" t="s">
        <v>119</v>
      </c>
      <c r="I9" s="274"/>
      <c r="J9" s="274"/>
      <c r="K9" s="274"/>
      <c r="L9" s="274"/>
      <c r="M9" s="274"/>
      <c r="N9" s="274"/>
      <c r="O9" s="274"/>
      <c r="P9" s="274"/>
      <c r="Q9" s="274"/>
      <c r="R9" s="274"/>
      <c r="S9" s="274"/>
      <c r="T9" s="274"/>
      <c r="U9" s="274"/>
      <c r="V9" s="274"/>
      <c r="W9" s="274"/>
      <c r="X9" s="274"/>
      <c r="Y9" s="275"/>
    </row>
    <row r="10" spans="2:25" ht="20.100000000000001" customHeight="1" x14ac:dyDescent="0.15">
      <c r="B10" s="421"/>
      <c r="C10" s="392"/>
      <c r="D10" s="392"/>
      <c r="E10" s="392"/>
      <c r="F10" s="422"/>
      <c r="G10" s="272" t="s">
        <v>0</v>
      </c>
      <c r="H10" s="290" t="s">
        <v>120</v>
      </c>
      <c r="I10" s="274"/>
      <c r="J10" s="274"/>
      <c r="K10" s="274"/>
      <c r="L10" s="274"/>
      <c r="M10" s="274"/>
      <c r="N10" s="274"/>
      <c r="O10" s="274"/>
      <c r="P10" s="274"/>
      <c r="Q10" s="274"/>
      <c r="R10" s="274"/>
      <c r="S10" s="274"/>
      <c r="T10" s="274"/>
      <c r="U10" s="274"/>
      <c r="V10" s="274"/>
      <c r="W10" s="274"/>
      <c r="X10" s="274"/>
      <c r="Y10" s="275"/>
    </row>
    <row r="11" spans="2:25" ht="20.100000000000001" customHeight="1" x14ac:dyDescent="0.15">
      <c r="B11" s="404"/>
      <c r="C11" s="405"/>
      <c r="D11" s="405"/>
      <c r="E11" s="405"/>
      <c r="F11" s="406"/>
      <c r="G11" s="255" t="s">
        <v>0</v>
      </c>
      <c r="H11" s="259" t="s">
        <v>121</v>
      </c>
      <c r="I11" s="269"/>
      <c r="J11" s="269"/>
      <c r="K11" s="269"/>
      <c r="L11" s="269"/>
      <c r="M11" s="269"/>
      <c r="N11" s="269"/>
      <c r="O11" s="269"/>
      <c r="P11" s="269"/>
      <c r="Q11" s="269"/>
      <c r="R11" s="269"/>
      <c r="S11" s="269"/>
      <c r="T11" s="269"/>
      <c r="U11" s="269"/>
      <c r="V11" s="269"/>
      <c r="W11" s="269"/>
      <c r="X11" s="269"/>
      <c r="Y11" s="270"/>
    </row>
    <row r="12" spans="2:25" ht="20.100000000000001" customHeight="1" x14ac:dyDescent="0.15">
      <c r="B12" s="401" t="s">
        <v>122</v>
      </c>
      <c r="C12" s="402"/>
      <c r="D12" s="402"/>
      <c r="E12" s="402"/>
      <c r="F12" s="403"/>
      <c r="G12" s="272" t="s">
        <v>0</v>
      </c>
      <c r="H12" s="297" t="s">
        <v>123</v>
      </c>
      <c r="I12" s="265"/>
      <c r="J12" s="265"/>
      <c r="K12" s="265"/>
      <c r="L12" s="265"/>
      <c r="M12" s="265"/>
      <c r="N12" s="265"/>
      <c r="O12" s="265"/>
      <c r="P12" s="265"/>
      <c r="Q12" s="265"/>
      <c r="R12" s="265"/>
      <c r="S12" s="265"/>
      <c r="T12" s="265"/>
      <c r="U12" s="265"/>
      <c r="V12" s="265"/>
      <c r="W12" s="265"/>
      <c r="X12" s="265"/>
      <c r="Y12" s="266"/>
    </row>
    <row r="13" spans="2:25" ht="20.100000000000001" customHeight="1" x14ac:dyDescent="0.15">
      <c r="B13" s="421"/>
      <c r="C13" s="392"/>
      <c r="D13" s="392"/>
      <c r="E13" s="392"/>
      <c r="F13" s="422"/>
      <c r="G13" s="272" t="s">
        <v>0</v>
      </c>
      <c r="H13" s="290" t="s">
        <v>124</v>
      </c>
      <c r="I13" s="274"/>
      <c r="J13" s="274"/>
      <c r="K13" s="274"/>
      <c r="L13" s="274"/>
      <c r="M13" s="274"/>
      <c r="N13" s="274"/>
      <c r="O13" s="274"/>
      <c r="P13" s="274"/>
      <c r="Q13" s="274"/>
      <c r="R13" s="274"/>
      <c r="S13" s="274"/>
      <c r="T13" s="274"/>
      <c r="U13" s="274"/>
      <c r="V13" s="274"/>
      <c r="W13" s="274"/>
      <c r="X13" s="274"/>
      <c r="Y13" s="275"/>
    </row>
    <row r="14" spans="2:25" ht="20.100000000000001" customHeight="1" x14ac:dyDescent="0.15">
      <c r="B14" s="421"/>
      <c r="C14" s="392"/>
      <c r="D14" s="392"/>
      <c r="E14" s="392"/>
      <c r="F14" s="422"/>
      <c r="G14" s="272" t="s">
        <v>0</v>
      </c>
      <c r="H14" s="290" t="s">
        <v>125</v>
      </c>
      <c r="I14" s="274"/>
      <c r="J14" s="274"/>
      <c r="K14" s="274"/>
      <c r="L14" s="274"/>
      <c r="M14" s="274"/>
      <c r="N14" s="274"/>
      <c r="O14" s="274"/>
      <c r="P14" s="274"/>
      <c r="Q14" s="274"/>
      <c r="R14" s="274"/>
      <c r="S14" s="274"/>
      <c r="T14" s="274"/>
      <c r="U14" s="274"/>
      <c r="V14" s="274"/>
      <c r="W14" s="274"/>
      <c r="X14" s="274"/>
      <c r="Y14" s="275"/>
    </row>
    <row r="15" spans="2:25" ht="20.100000000000001" customHeight="1" x14ac:dyDescent="0.15">
      <c r="B15" s="404"/>
      <c r="C15" s="405"/>
      <c r="D15" s="405"/>
      <c r="E15" s="405"/>
      <c r="F15" s="406"/>
      <c r="G15" s="255" t="s">
        <v>0</v>
      </c>
      <c r="H15" s="259" t="s">
        <v>126</v>
      </c>
      <c r="I15" s="269"/>
      <c r="J15" s="269"/>
      <c r="K15" s="269"/>
      <c r="L15" s="269"/>
      <c r="M15" s="269"/>
      <c r="N15" s="269"/>
      <c r="O15" s="269"/>
      <c r="P15" s="269"/>
      <c r="Q15" s="269"/>
      <c r="R15" s="269"/>
      <c r="S15" s="269"/>
      <c r="T15" s="269"/>
      <c r="U15" s="269"/>
      <c r="V15" s="269"/>
      <c r="W15" s="269"/>
      <c r="X15" s="269"/>
      <c r="Y15" s="270"/>
    </row>
    <row r="17" spans="2:25" x14ac:dyDescent="0.15">
      <c r="B17" s="296"/>
      <c r="C17" s="297"/>
      <c r="D17" s="297"/>
      <c r="E17" s="297"/>
      <c r="F17" s="297"/>
      <c r="G17" s="297"/>
      <c r="H17" s="297"/>
      <c r="I17" s="297"/>
      <c r="J17" s="297"/>
      <c r="K17" s="297"/>
      <c r="L17" s="297"/>
      <c r="M17" s="297"/>
      <c r="N17" s="297"/>
      <c r="O17" s="297"/>
      <c r="P17" s="297"/>
      <c r="Q17" s="297"/>
      <c r="R17" s="297"/>
      <c r="S17" s="297"/>
      <c r="T17" s="297"/>
      <c r="U17" s="297"/>
      <c r="V17" s="297"/>
      <c r="W17" s="297"/>
      <c r="X17" s="297"/>
      <c r="Y17" s="298"/>
    </row>
    <row r="18" spans="2:25" x14ac:dyDescent="0.15">
      <c r="B18" s="295" t="s">
        <v>127</v>
      </c>
      <c r="Y18" s="294"/>
    </row>
    <row r="19" spans="2:25" x14ac:dyDescent="0.15">
      <c r="B19" s="295"/>
      <c r="Y19" s="294"/>
    </row>
    <row r="20" spans="2:25" x14ac:dyDescent="0.15">
      <c r="B20" s="295"/>
      <c r="C20" s="290" t="s">
        <v>128</v>
      </c>
      <c r="K20" s="392"/>
      <c r="L20" s="392"/>
      <c r="M20" s="290" t="s">
        <v>129</v>
      </c>
      <c r="Y20" s="294"/>
    </row>
    <row r="21" spans="2:25" ht="6.75" customHeight="1" x14ac:dyDescent="0.15">
      <c r="B21" s="295"/>
      <c r="Y21" s="294"/>
    </row>
    <row r="22" spans="2:25" ht="21" customHeight="1" x14ac:dyDescent="0.15">
      <c r="B22" s="295"/>
      <c r="D22" s="398" t="s">
        <v>130</v>
      </c>
      <c r="E22" s="399"/>
      <c r="F22" s="399"/>
      <c r="G22" s="399"/>
      <c r="H22" s="400"/>
      <c r="I22" s="394"/>
      <c r="J22" s="395"/>
      <c r="K22" s="395"/>
      <c r="L22" s="395"/>
      <c r="M22" s="251" t="s">
        <v>131</v>
      </c>
      <c r="N22" s="277" t="s">
        <v>132</v>
      </c>
      <c r="O22" s="286"/>
      <c r="P22" s="399"/>
      <c r="Q22" s="399"/>
      <c r="R22" s="251" t="s">
        <v>131</v>
      </c>
      <c r="S22" s="277" t="s">
        <v>133</v>
      </c>
      <c r="T22" s="286"/>
      <c r="U22" s="286"/>
      <c r="V22" s="399"/>
      <c r="W22" s="399"/>
      <c r="X22" s="251" t="s">
        <v>131</v>
      </c>
      <c r="Y22" s="294"/>
    </row>
    <row r="23" spans="2:25" ht="21" customHeight="1" x14ac:dyDescent="0.15">
      <c r="B23" s="295"/>
      <c r="D23" s="398" t="s">
        <v>134</v>
      </c>
      <c r="E23" s="399"/>
      <c r="F23" s="399"/>
      <c r="G23" s="399"/>
      <c r="H23" s="400"/>
      <c r="I23" s="398"/>
      <c r="J23" s="399"/>
      <c r="K23" s="399"/>
      <c r="L23" s="399"/>
      <c r="M23" s="251" t="s">
        <v>131</v>
      </c>
      <c r="N23" s="277" t="s">
        <v>132</v>
      </c>
      <c r="O23" s="286"/>
      <c r="P23" s="399"/>
      <c r="Q23" s="399"/>
      <c r="R23" s="251" t="s">
        <v>131</v>
      </c>
      <c r="S23" s="277" t="s">
        <v>133</v>
      </c>
      <c r="T23" s="286"/>
      <c r="U23" s="286"/>
      <c r="V23" s="399"/>
      <c r="W23" s="399"/>
      <c r="X23" s="251" t="s">
        <v>131</v>
      </c>
      <c r="Y23" s="294"/>
    </row>
    <row r="24" spans="2:25" ht="15.75" customHeight="1" x14ac:dyDescent="0.15">
      <c r="B24" s="295"/>
      <c r="D24" s="454" t="s">
        <v>135</v>
      </c>
      <c r="E24" s="424"/>
      <c r="F24" s="424"/>
      <c r="G24" s="424"/>
      <c r="H24" s="424"/>
      <c r="I24" s="424"/>
      <c r="J24" s="424"/>
      <c r="K24" s="424"/>
      <c r="L24" s="424"/>
      <c r="M24" s="424"/>
      <c r="N24" s="424"/>
      <c r="O24" s="424"/>
      <c r="P24" s="424"/>
      <c r="Q24" s="424"/>
      <c r="R24" s="424"/>
      <c r="S24" s="424"/>
      <c r="T24" s="424"/>
      <c r="U24" s="425"/>
      <c r="V24" s="244" t="s">
        <v>94</v>
      </c>
      <c r="W24" s="113" t="s">
        <v>95</v>
      </c>
      <c r="X24" s="245" t="s">
        <v>96</v>
      </c>
      <c r="Y24" s="294"/>
    </row>
    <row r="25" spans="2:25" ht="30.75" customHeight="1" x14ac:dyDescent="0.15">
      <c r="B25" s="295"/>
      <c r="D25" s="426"/>
      <c r="E25" s="427"/>
      <c r="F25" s="427"/>
      <c r="G25" s="427"/>
      <c r="H25" s="427"/>
      <c r="I25" s="427"/>
      <c r="J25" s="427"/>
      <c r="K25" s="427"/>
      <c r="L25" s="427"/>
      <c r="M25" s="427"/>
      <c r="N25" s="427"/>
      <c r="O25" s="427"/>
      <c r="P25" s="427"/>
      <c r="Q25" s="427"/>
      <c r="R25" s="427"/>
      <c r="S25" s="427"/>
      <c r="T25" s="427"/>
      <c r="U25" s="428"/>
      <c r="V25" s="249" t="s">
        <v>0</v>
      </c>
      <c r="W25" s="250" t="s">
        <v>136</v>
      </c>
      <c r="X25" s="251" t="s">
        <v>0</v>
      </c>
      <c r="Y25" s="294"/>
    </row>
    <row r="26" spans="2:25" ht="17.25" customHeight="1" x14ac:dyDescent="0.15">
      <c r="B26" s="295"/>
      <c r="D26" s="520" t="s">
        <v>137</v>
      </c>
      <c r="E26" s="521"/>
      <c r="F26" s="521"/>
      <c r="G26" s="521"/>
      <c r="H26" s="521"/>
      <c r="I26" s="521"/>
      <c r="J26" s="521"/>
      <c r="K26" s="521"/>
      <c r="L26" s="521"/>
      <c r="M26" s="521"/>
      <c r="N26" s="521"/>
      <c r="O26" s="521"/>
      <c r="P26" s="521"/>
      <c r="Q26" s="521"/>
      <c r="R26" s="521"/>
      <c r="S26" s="521"/>
      <c r="T26" s="521"/>
      <c r="U26" s="521"/>
      <c r="V26" s="521"/>
      <c r="W26" s="521"/>
      <c r="X26" s="522"/>
      <c r="Y26" s="294"/>
    </row>
    <row r="27" spans="2:25" ht="21" customHeight="1" x14ac:dyDescent="0.15">
      <c r="B27" s="295"/>
      <c r="D27" s="398" t="s">
        <v>138</v>
      </c>
      <c r="E27" s="399"/>
      <c r="F27" s="399"/>
      <c r="G27" s="399"/>
      <c r="H27" s="400"/>
      <c r="I27" s="398"/>
      <c r="J27" s="399"/>
      <c r="K27" s="399"/>
      <c r="L27" s="399"/>
      <c r="M27" s="251" t="s">
        <v>131</v>
      </c>
      <c r="N27" s="277" t="s">
        <v>132</v>
      </c>
      <c r="O27" s="286"/>
      <c r="P27" s="399"/>
      <c r="Q27" s="399"/>
      <c r="R27" s="251" t="s">
        <v>131</v>
      </c>
      <c r="S27" s="277" t="s">
        <v>133</v>
      </c>
      <c r="T27" s="286"/>
      <c r="U27" s="286"/>
      <c r="V27" s="399"/>
      <c r="W27" s="399"/>
      <c r="X27" s="251" t="s">
        <v>131</v>
      </c>
      <c r="Y27" s="294"/>
    </row>
    <row r="28" spans="2:25" ht="21" customHeight="1" x14ac:dyDescent="0.15">
      <c r="B28" s="295"/>
      <c r="D28" s="398" t="s">
        <v>139</v>
      </c>
      <c r="E28" s="399"/>
      <c r="F28" s="399"/>
      <c r="G28" s="399"/>
      <c r="H28" s="400"/>
      <c r="I28" s="398"/>
      <c r="J28" s="399"/>
      <c r="K28" s="399"/>
      <c r="L28" s="399"/>
      <c r="M28" s="251" t="s">
        <v>131</v>
      </c>
      <c r="N28" s="277" t="s">
        <v>132</v>
      </c>
      <c r="O28" s="286"/>
      <c r="P28" s="399"/>
      <c r="Q28" s="399"/>
      <c r="R28" s="251" t="s">
        <v>131</v>
      </c>
      <c r="S28" s="277" t="s">
        <v>133</v>
      </c>
      <c r="T28" s="286"/>
      <c r="U28" s="286"/>
      <c r="V28" s="399"/>
      <c r="W28" s="399"/>
      <c r="X28" s="251" t="s">
        <v>131</v>
      </c>
      <c r="Y28" s="294"/>
    </row>
    <row r="29" spans="2:25" ht="21" customHeight="1" x14ac:dyDescent="0.15">
      <c r="B29" s="295"/>
      <c r="D29" s="398" t="s">
        <v>140</v>
      </c>
      <c r="E29" s="399"/>
      <c r="F29" s="399"/>
      <c r="G29" s="399"/>
      <c r="H29" s="400"/>
      <c r="I29" s="398"/>
      <c r="J29" s="399"/>
      <c r="K29" s="399"/>
      <c r="L29" s="399"/>
      <c r="M29" s="251" t="s">
        <v>131</v>
      </c>
      <c r="N29" s="277" t="s">
        <v>132</v>
      </c>
      <c r="O29" s="286"/>
      <c r="P29" s="399"/>
      <c r="Q29" s="399"/>
      <c r="R29" s="251" t="s">
        <v>131</v>
      </c>
      <c r="S29" s="277" t="s">
        <v>133</v>
      </c>
      <c r="T29" s="286"/>
      <c r="U29" s="286"/>
      <c r="V29" s="399"/>
      <c r="W29" s="399"/>
      <c r="X29" s="251" t="s">
        <v>131</v>
      </c>
      <c r="Y29" s="294"/>
    </row>
    <row r="30" spans="2:25" ht="21" customHeight="1" x14ac:dyDescent="0.15">
      <c r="B30" s="295"/>
      <c r="D30" s="398" t="s">
        <v>141</v>
      </c>
      <c r="E30" s="399"/>
      <c r="F30" s="399"/>
      <c r="G30" s="399"/>
      <c r="H30" s="400"/>
      <c r="I30" s="398"/>
      <c r="J30" s="399"/>
      <c r="K30" s="399"/>
      <c r="L30" s="399"/>
      <c r="M30" s="251" t="s">
        <v>131</v>
      </c>
      <c r="N30" s="277" t="s">
        <v>132</v>
      </c>
      <c r="O30" s="286"/>
      <c r="P30" s="399"/>
      <c r="Q30" s="399"/>
      <c r="R30" s="251" t="s">
        <v>131</v>
      </c>
      <c r="S30" s="277" t="s">
        <v>133</v>
      </c>
      <c r="T30" s="286"/>
      <c r="U30" s="286"/>
      <c r="V30" s="399"/>
      <c r="W30" s="399"/>
      <c r="X30" s="251" t="s">
        <v>131</v>
      </c>
      <c r="Y30" s="294"/>
    </row>
    <row r="31" spans="2:25" ht="21" customHeight="1" x14ac:dyDescent="0.15">
      <c r="B31" s="295"/>
      <c r="D31" s="398" t="s">
        <v>142</v>
      </c>
      <c r="E31" s="399"/>
      <c r="F31" s="399"/>
      <c r="G31" s="399"/>
      <c r="H31" s="400"/>
      <c r="I31" s="398"/>
      <c r="J31" s="399"/>
      <c r="K31" s="399"/>
      <c r="L31" s="399"/>
      <c r="M31" s="251" t="s">
        <v>131</v>
      </c>
      <c r="N31" s="277" t="s">
        <v>132</v>
      </c>
      <c r="O31" s="286"/>
      <c r="P31" s="399"/>
      <c r="Q31" s="399"/>
      <c r="R31" s="251" t="s">
        <v>131</v>
      </c>
      <c r="S31" s="277" t="s">
        <v>133</v>
      </c>
      <c r="T31" s="286"/>
      <c r="U31" s="286"/>
      <c r="V31" s="399"/>
      <c r="W31" s="399"/>
      <c r="X31" s="251" t="s">
        <v>131</v>
      </c>
      <c r="Y31" s="294"/>
    </row>
    <row r="32" spans="2:25" ht="13.5" customHeight="1" x14ac:dyDescent="0.15">
      <c r="B32" s="295"/>
      <c r="D32" s="272"/>
      <c r="E32" s="272"/>
      <c r="F32" s="272"/>
      <c r="G32" s="272"/>
      <c r="H32" s="272"/>
      <c r="I32" s="272"/>
      <c r="J32" s="272"/>
      <c r="K32" s="272"/>
      <c r="L32" s="272"/>
      <c r="M32" s="272"/>
      <c r="P32" s="272"/>
      <c r="Q32" s="272"/>
      <c r="R32" s="272"/>
      <c r="V32" s="272"/>
      <c r="W32" s="272"/>
      <c r="X32" s="272"/>
      <c r="Y32" s="294"/>
    </row>
    <row r="33" spans="2:32" x14ac:dyDescent="0.15">
      <c r="B33" s="295"/>
      <c r="C33" s="290" t="s">
        <v>143</v>
      </c>
      <c r="Y33" s="294"/>
      <c r="Z33"/>
      <c r="AA33"/>
      <c r="AB33"/>
    </row>
    <row r="34" spans="2:32" ht="7.5" customHeight="1" x14ac:dyDescent="0.15">
      <c r="B34" s="295"/>
      <c r="Y34" s="294"/>
      <c r="Z34"/>
      <c r="AA34"/>
      <c r="AB34"/>
    </row>
    <row r="35" spans="2:32" ht="35.25" customHeight="1" x14ac:dyDescent="0.15">
      <c r="B35" s="295"/>
      <c r="D35" s="523"/>
      <c r="E35" s="524"/>
      <c r="F35" s="524"/>
      <c r="G35" s="524"/>
      <c r="H35" s="524"/>
      <c r="I35" s="524"/>
      <c r="J35" s="524"/>
      <c r="K35" s="524"/>
      <c r="L35" s="524"/>
      <c r="M35" s="524"/>
      <c r="N35" s="524"/>
      <c r="O35" s="524"/>
      <c r="P35" s="524"/>
      <c r="Q35" s="524"/>
      <c r="R35" s="524"/>
      <c r="S35" s="524"/>
      <c r="T35" s="524"/>
      <c r="U35" s="524"/>
      <c r="V35" s="524"/>
      <c r="W35" s="524"/>
      <c r="X35" s="525"/>
      <c r="Y35" s="294"/>
      <c r="Z35"/>
      <c r="AA35"/>
      <c r="AB35"/>
    </row>
    <row r="36" spans="2:32" ht="12" customHeight="1" x14ac:dyDescent="0.15">
      <c r="B36" s="295"/>
      <c r="Y36" s="294"/>
      <c r="Z36"/>
      <c r="AA36"/>
      <c r="AB36"/>
    </row>
    <row r="37" spans="2:32" x14ac:dyDescent="0.15">
      <c r="B37" s="295"/>
      <c r="C37" s="290" t="s">
        <v>144</v>
      </c>
      <c r="Y37" s="294"/>
      <c r="Z37"/>
      <c r="AA37"/>
      <c r="AB37"/>
    </row>
    <row r="38" spans="2:32" ht="6.75" customHeight="1" x14ac:dyDescent="0.15">
      <c r="B38" s="295"/>
      <c r="D38" s="259"/>
      <c r="E38" s="259"/>
      <c r="F38" s="259"/>
      <c r="G38" s="259"/>
      <c r="H38" s="259"/>
      <c r="I38" s="259"/>
      <c r="J38" s="259"/>
      <c r="K38" s="259"/>
      <c r="L38" s="259"/>
      <c r="M38" s="259"/>
      <c r="N38" s="259"/>
      <c r="O38" s="259"/>
      <c r="P38" s="259"/>
      <c r="Q38" s="259"/>
      <c r="R38" s="259"/>
      <c r="S38" s="259"/>
      <c r="T38" s="259"/>
      <c r="U38" s="259"/>
      <c r="V38" s="259"/>
      <c r="W38" s="259"/>
      <c r="X38" s="259"/>
      <c r="Y38" s="294"/>
      <c r="Z38"/>
      <c r="AA38" s="206"/>
      <c r="AB38" s="206"/>
      <c r="AC38" s="259"/>
      <c r="AD38" s="259"/>
      <c r="AE38" s="259"/>
      <c r="AF38" s="259"/>
    </row>
    <row r="39" spans="2:32" ht="23.25" customHeight="1" x14ac:dyDescent="0.15">
      <c r="B39" s="295"/>
      <c r="D39" s="318">
        <v>1</v>
      </c>
      <c r="E39" s="404"/>
      <c r="F39" s="405"/>
      <c r="G39" s="317" t="s">
        <v>145</v>
      </c>
      <c r="H39" s="405"/>
      <c r="I39" s="405"/>
      <c r="J39" s="317" t="s">
        <v>16</v>
      </c>
      <c r="K39" s="405"/>
      <c r="L39" s="405"/>
      <c r="M39" s="406"/>
      <c r="N39" s="318">
        <v>4</v>
      </c>
      <c r="O39" s="404"/>
      <c r="P39" s="405"/>
      <c r="Q39" s="317" t="s">
        <v>145</v>
      </c>
      <c r="R39" s="405"/>
      <c r="S39" s="405"/>
      <c r="T39" s="317" t="s">
        <v>16</v>
      </c>
      <c r="U39" s="317"/>
      <c r="V39" s="405"/>
      <c r="W39" s="405"/>
      <c r="X39" s="405"/>
      <c r="Y39" s="239"/>
      <c r="Z39" s="360"/>
      <c r="AA39"/>
      <c r="AB39"/>
    </row>
    <row r="40" spans="2:32" ht="23.25" customHeight="1" x14ac:dyDescent="0.15">
      <c r="B40" s="295"/>
      <c r="D40" s="285">
        <v>2</v>
      </c>
      <c r="E40" s="398"/>
      <c r="F40" s="399"/>
      <c r="G40" s="315" t="s">
        <v>145</v>
      </c>
      <c r="H40" s="399"/>
      <c r="I40" s="399"/>
      <c r="J40" s="315" t="s">
        <v>16</v>
      </c>
      <c r="K40" s="399"/>
      <c r="L40" s="399"/>
      <c r="M40" s="400"/>
      <c r="N40" s="285">
        <v>5</v>
      </c>
      <c r="O40" s="398"/>
      <c r="P40" s="399"/>
      <c r="Q40" s="315" t="s">
        <v>145</v>
      </c>
      <c r="R40" s="399"/>
      <c r="S40" s="399"/>
      <c r="T40" s="315" t="s">
        <v>16</v>
      </c>
      <c r="U40" s="315"/>
      <c r="V40" s="399"/>
      <c r="W40" s="399"/>
      <c r="X40" s="400"/>
      <c r="Y40" s="294"/>
      <c r="Z40"/>
      <c r="AA40"/>
      <c r="AB40"/>
    </row>
    <row r="41" spans="2:32" ht="23.25" customHeight="1" x14ac:dyDescent="0.15">
      <c r="B41" s="295"/>
      <c r="D41" s="285">
        <v>3</v>
      </c>
      <c r="E41" s="398"/>
      <c r="F41" s="399"/>
      <c r="G41" s="315" t="s">
        <v>145</v>
      </c>
      <c r="H41" s="399"/>
      <c r="I41" s="399"/>
      <c r="J41" s="315" t="s">
        <v>16</v>
      </c>
      <c r="K41" s="399"/>
      <c r="L41" s="399"/>
      <c r="M41" s="400"/>
      <c r="N41" s="285">
        <v>6</v>
      </c>
      <c r="O41" s="398"/>
      <c r="P41" s="399"/>
      <c r="Q41" s="315" t="s">
        <v>145</v>
      </c>
      <c r="R41" s="399"/>
      <c r="S41" s="399"/>
      <c r="T41" s="315" t="s">
        <v>16</v>
      </c>
      <c r="U41" s="315"/>
      <c r="V41" s="399"/>
      <c r="W41" s="399"/>
      <c r="X41" s="400"/>
      <c r="Y41" s="294"/>
      <c r="Z41"/>
      <c r="AA41"/>
      <c r="AB41"/>
    </row>
    <row r="42" spans="2:32" x14ac:dyDescent="0.15">
      <c r="B42" s="299"/>
      <c r="C42" s="259"/>
      <c r="D42" s="259"/>
      <c r="E42" s="259"/>
      <c r="F42" s="259"/>
      <c r="G42" s="259"/>
      <c r="H42" s="259"/>
      <c r="I42" s="259"/>
      <c r="J42" s="259"/>
      <c r="K42" s="259"/>
      <c r="L42" s="259"/>
      <c r="M42" s="259"/>
      <c r="N42" s="259"/>
      <c r="O42" s="259"/>
      <c r="P42" s="259"/>
      <c r="Q42" s="259"/>
      <c r="R42" s="259"/>
      <c r="S42" s="259"/>
      <c r="T42" s="259"/>
      <c r="U42" s="259"/>
      <c r="V42" s="259"/>
      <c r="W42" s="259"/>
      <c r="X42" s="259"/>
      <c r="Y42" s="300"/>
      <c r="Z42"/>
      <c r="AA42"/>
      <c r="AB42"/>
    </row>
    <row r="44" spans="2:32" x14ac:dyDescent="0.15">
      <c r="B44" s="296"/>
      <c r="C44" s="297"/>
      <c r="D44" s="297"/>
      <c r="E44" s="297"/>
      <c r="F44" s="297"/>
      <c r="G44" s="297"/>
      <c r="H44" s="297"/>
      <c r="I44" s="297"/>
      <c r="J44" s="297"/>
      <c r="K44" s="297"/>
      <c r="L44" s="297"/>
      <c r="M44" s="297"/>
      <c r="N44" s="297"/>
      <c r="O44" s="297"/>
      <c r="P44" s="297"/>
      <c r="Q44" s="297"/>
      <c r="R44" s="297"/>
      <c r="S44" s="297"/>
      <c r="T44" s="298"/>
      <c r="U44" s="297"/>
      <c r="V44" s="297"/>
      <c r="W44" s="297"/>
      <c r="X44" s="297"/>
      <c r="Y44" s="298"/>
      <c r="Z44"/>
      <c r="AA44"/>
      <c r="AB44"/>
    </row>
    <row r="45" spans="2:32" x14ac:dyDescent="0.15">
      <c r="B45" s="295" t="s">
        <v>146</v>
      </c>
      <c r="T45" s="294"/>
      <c r="V45" s="94" t="s">
        <v>94</v>
      </c>
      <c r="W45" s="94" t="s">
        <v>95</v>
      </c>
      <c r="X45" s="94" t="s">
        <v>96</v>
      </c>
      <c r="Y45" s="294"/>
      <c r="Z45"/>
      <c r="AA45"/>
      <c r="AB45"/>
    </row>
    <row r="46" spans="2:32" x14ac:dyDescent="0.15">
      <c r="B46" s="295"/>
      <c r="D46" s="290" t="s">
        <v>147</v>
      </c>
      <c r="T46" s="294"/>
      <c r="V46" s="94"/>
      <c r="W46" s="94"/>
      <c r="X46" s="94"/>
      <c r="Y46" s="294"/>
      <c r="Z46"/>
      <c r="AA46"/>
      <c r="AB46"/>
    </row>
    <row r="47" spans="2:32" ht="14.25" customHeight="1" x14ac:dyDescent="0.15">
      <c r="B47" s="295"/>
      <c r="T47" s="294"/>
      <c r="Y47" s="294"/>
      <c r="Z47"/>
      <c r="AA47"/>
      <c r="AB47"/>
    </row>
    <row r="48" spans="2:32" ht="17.25" customHeight="1" x14ac:dyDescent="0.15">
      <c r="B48" s="295"/>
      <c r="C48" s="290" t="s">
        <v>148</v>
      </c>
      <c r="T48" s="294"/>
      <c r="V48" s="272" t="s">
        <v>0</v>
      </c>
      <c r="W48" s="272" t="s">
        <v>95</v>
      </c>
      <c r="X48" s="272" t="s">
        <v>0</v>
      </c>
      <c r="Y48" s="88"/>
      <c r="AB48" s="290" t="s">
        <v>149</v>
      </c>
    </row>
    <row r="49" spans="2:25" x14ac:dyDescent="0.15">
      <c r="B49" s="295"/>
      <c r="D49" s="290" t="s">
        <v>150</v>
      </c>
      <c r="T49" s="294"/>
      <c r="V49" s="272"/>
      <c r="W49" s="272"/>
      <c r="X49" s="272"/>
      <c r="Y49" s="292"/>
    </row>
    <row r="50" spans="2:25" x14ac:dyDescent="0.15">
      <c r="B50" s="295"/>
      <c r="T50" s="294"/>
      <c r="V50" s="272"/>
      <c r="W50" s="272"/>
      <c r="X50" s="272"/>
      <c r="Y50" s="292"/>
    </row>
    <row r="51" spans="2:25" ht="17.25" customHeight="1" x14ac:dyDescent="0.15">
      <c r="B51" s="295"/>
      <c r="C51" s="290" t="s">
        <v>151</v>
      </c>
      <c r="T51" s="294"/>
      <c r="V51" s="272" t="s">
        <v>0</v>
      </c>
      <c r="W51" s="272" t="s">
        <v>95</v>
      </c>
      <c r="X51" s="272" t="s">
        <v>0</v>
      </c>
      <c r="Y51" s="88"/>
    </row>
    <row r="52" spans="2:25" ht="17.25" customHeight="1" x14ac:dyDescent="0.15">
      <c r="B52" s="295"/>
      <c r="D52" s="290" t="s">
        <v>152</v>
      </c>
      <c r="T52" s="294"/>
      <c r="V52" s="272"/>
      <c r="W52" s="272"/>
      <c r="X52" s="272"/>
      <c r="Y52" s="88"/>
    </row>
    <row r="53" spans="2:25" x14ac:dyDescent="0.15">
      <c r="B53" s="295"/>
      <c r="T53" s="294"/>
      <c r="V53" s="272"/>
      <c r="W53" s="272"/>
      <c r="X53" s="272"/>
      <c r="Y53" s="292"/>
    </row>
    <row r="54" spans="2:25" ht="17.25" customHeight="1" x14ac:dyDescent="0.15">
      <c r="B54" s="295"/>
      <c r="C54" s="290" t="s">
        <v>153</v>
      </c>
      <c r="T54" s="294"/>
      <c r="V54" s="272" t="s">
        <v>0</v>
      </c>
      <c r="W54" s="272" t="s">
        <v>95</v>
      </c>
      <c r="X54" s="272" t="s">
        <v>0</v>
      </c>
      <c r="Y54" s="88"/>
    </row>
    <row r="55" spans="2:25" ht="17.25" customHeight="1" x14ac:dyDescent="0.15">
      <c r="B55" s="295"/>
      <c r="D55" s="290" t="s">
        <v>154</v>
      </c>
      <c r="T55" s="294"/>
      <c r="V55" s="272"/>
      <c r="W55" s="272"/>
      <c r="X55" s="272"/>
      <c r="Y55" s="88"/>
    </row>
    <row r="56" spans="2:25" ht="13.5" customHeight="1" x14ac:dyDescent="0.15">
      <c r="B56" s="295"/>
      <c r="T56" s="294"/>
      <c r="V56" s="2"/>
      <c r="W56" s="2"/>
      <c r="X56" s="2"/>
      <c r="Y56" s="88"/>
    </row>
    <row r="57" spans="2:25" ht="17.25" customHeight="1" x14ac:dyDescent="0.15">
      <c r="B57" s="295"/>
      <c r="C57" s="290" t="s">
        <v>155</v>
      </c>
      <c r="T57" s="294"/>
      <c r="V57" s="272" t="s">
        <v>0</v>
      </c>
      <c r="W57" s="272" t="s">
        <v>95</v>
      </c>
      <c r="X57" s="272" t="s">
        <v>0</v>
      </c>
      <c r="Y57" s="88"/>
    </row>
    <row r="58" spans="2:25" ht="17.25" customHeight="1" x14ac:dyDescent="0.15">
      <c r="B58" s="295"/>
      <c r="D58" s="290" t="s">
        <v>156</v>
      </c>
      <c r="T58" s="294"/>
      <c r="V58" s="272"/>
      <c r="W58" s="272"/>
      <c r="X58" s="272"/>
      <c r="Y58" s="88"/>
    </row>
    <row r="59" spans="2:25" ht="17.25" customHeight="1" x14ac:dyDescent="0.15">
      <c r="B59" s="295"/>
      <c r="D59" s="290" t="s">
        <v>157</v>
      </c>
      <c r="T59" s="294"/>
      <c r="V59" s="272"/>
      <c r="W59" s="272"/>
      <c r="X59" s="272"/>
      <c r="Y59" s="88"/>
    </row>
    <row r="60" spans="2:25" x14ac:dyDescent="0.15">
      <c r="B60" s="295"/>
      <c r="T60" s="294"/>
      <c r="V60" s="272"/>
      <c r="W60" s="272"/>
      <c r="X60" s="272"/>
      <c r="Y60" s="292"/>
    </row>
    <row r="61" spans="2:25" ht="17.25" customHeight="1" x14ac:dyDescent="0.15">
      <c r="B61" s="295"/>
      <c r="C61" s="290" t="s">
        <v>158</v>
      </c>
      <c r="T61" s="294"/>
      <c r="V61" s="272" t="s">
        <v>0</v>
      </c>
      <c r="W61" s="272" t="s">
        <v>95</v>
      </c>
      <c r="X61" s="272" t="s">
        <v>0</v>
      </c>
      <c r="Y61" s="88"/>
    </row>
    <row r="62" spans="2:25" ht="7.5" customHeight="1" x14ac:dyDescent="0.15">
      <c r="B62" s="299"/>
      <c r="C62" s="259"/>
      <c r="D62" s="259"/>
      <c r="E62" s="259"/>
      <c r="F62" s="259"/>
      <c r="G62" s="259"/>
      <c r="H62" s="259"/>
      <c r="I62" s="259"/>
      <c r="J62" s="259"/>
      <c r="K62" s="259"/>
      <c r="L62" s="259"/>
      <c r="M62" s="259"/>
      <c r="N62" s="259"/>
      <c r="O62" s="259"/>
      <c r="P62" s="259"/>
      <c r="Q62" s="259"/>
      <c r="R62" s="259"/>
      <c r="S62" s="259"/>
      <c r="T62" s="300"/>
      <c r="U62" s="259"/>
      <c r="V62" s="259"/>
      <c r="W62" s="259"/>
      <c r="X62" s="259"/>
      <c r="Y62" s="300"/>
    </row>
    <row r="64" spans="2:25" x14ac:dyDescent="0.15">
      <c r="B64" s="296"/>
      <c r="C64" s="297"/>
      <c r="D64" s="297"/>
      <c r="E64" s="297"/>
      <c r="F64" s="297"/>
      <c r="G64" s="297"/>
      <c r="H64" s="297"/>
      <c r="I64" s="297"/>
      <c r="J64" s="297"/>
      <c r="K64" s="297"/>
      <c r="L64" s="297"/>
      <c r="M64" s="297"/>
      <c r="N64" s="297"/>
      <c r="O64" s="297"/>
      <c r="P64" s="297"/>
      <c r="Q64" s="297"/>
      <c r="R64" s="297"/>
      <c r="S64" s="297"/>
      <c r="T64" s="297"/>
      <c r="U64" s="296"/>
      <c r="V64" s="297"/>
      <c r="W64" s="297"/>
      <c r="X64" s="297"/>
      <c r="Y64" s="298"/>
    </row>
    <row r="65" spans="1:28" x14ac:dyDescent="0.15">
      <c r="B65" s="295" t="s">
        <v>159</v>
      </c>
      <c r="U65" s="295"/>
      <c r="V65" s="94" t="s">
        <v>94</v>
      </c>
      <c r="W65" s="94" t="s">
        <v>95</v>
      </c>
      <c r="X65" s="94" t="s">
        <v>96</v>
      </c>
      <c r="Y65" s="294"/>
    </row>
    <row r="66" spans="1:28" x14ac:dyDescent="0.15">
      <c r="B66" s="295"/>
      <c r="D66" s="290" t="s">
        <v>160</v>
      </c>
      <c r="U66" s="295"/>
      <c r="Y66" s="294"/>
    </row>
    <row r="67" spans="1:28" ht="17.25" customHeight="1" x14ac:dyDescent="0.15">
      <c r="B67" s="295"/>
      <c r="C67" s="290" t="s">
        <v>161</v>
      </c>
      <c r="U67" s="295"/>
      <c r="V67" s="272" t="s">
        <v>0</v>
      </c>
      <c r="W67" s="272" t="s">
        <v>95</v>
      </c>
      <c r="X67" s="272" t="s">
        <v>0</v>
      </c>
      <c r="Y67" s="88"/>
    </row>
    <row r="68" spans="1:28" ht="13.5" customHeight="1" x14ac:dyDescent="0.15">
      <c r="B68" s="295"/>
      <c r="U68" s="295"/>
      <c r="V68" s="272"/>
      <c r="W68" s="272"/>
      <c r="X68" s="272"/>
      <c r="Y68" s="292"/>
    </row>
    <row r="69" spans="1:28" ht="17.25" customHeight="1" x14ac:dyDescent="0.15">
      <c r="B69" s="295"/>
      <c r="C69" s="290" t="s">
        <v>162</v>
      </c>
      <c r="U69" s="295"/>
      <c r="V69" s="272" t="s">
        <v>0</v>
      </c>
      <c r="W69" s="272" t="s">
        <v>95</v>
      </c>
      <c r="X69" s="272" t="s">
        <v>0</v>
      </c>
      <c r="Y69" s="88"/>
    </row>
    <row r="70" spans="1:28" ht="13.5" customHeight="1" x14ac:dyDescent="0.15">
      <c r="B70" s="295"/>
      <c r="U70" s="295"/>
      <c r="V70" s="272"/>
      <c r="W70" s="272"/>
      <c r="X70" s="272"/>
      <c r="Y70" s="292"/>
    </row>
    <row r="71" spans="1:28" ht="17.25" customHeight="1" x14ac:dyDescent="0.15">
      <c r="A71" s="2"/>
      <c r="B71" s="295"/>
      <c r="C71" s="290" t="s">
        <v>163</v>
      </c>
      <c r="U71" s="295"/>
      <c r="V71" s="272" t="s">
        <v>0</v>
      </c>
      <c r="W71" s="272" t="s">
        <v>95</v>
      </c>
      <c r="X71" s="272" t="s">
        <v>0</v>
      </c>
      <c r="Y71" s="88"/>
    </row>
    <row r="72" spans="1:28" ht="13.5" customHeight="1" x14ac:dyDescent="0.15">
      <c r="B72" s="295"/>
      <c r="U72" s="295"/>
      <c r="V72" s="2"/>
      <c r="W72" s="2"/>
      <c r="X72" s="2"/>
      <c r="Y72" s="88"/>
    </row>
    <row r="73" spans="1:28" x14ac:dyDescent="0.15">
      <c r="B73" s="295"/>
      <c r="C73" s="290" t="s">
        <v>164</v>
      </c>
      <c r="U73" s="295"/>
      <c r="V73" s="272" t="s">
        <v>0</v>
      </c>
      <c r="W73" s="272" t="s">
        <v>95</v>
      </c>
      <c r="X73" s="272" t="s">
        <v>0</v>
      </c>
      <c r="Y73" s="88"/>
      <c r="Z73"/>
      <c r="AA73"/>
      <c r="AB73"/>
    </row>
    <row r="74" spans="1:28" ht="13.5" customHeight="1" x14ac:dyDescent="0.15">
      <c r="B74" s="295"/>
      <c r="U74" s="295"/>
      <c r="Y74" s="294"/>
      <c r="Z74"/>
      <c r="AA74"/>
      <c r="AB74"/>
    </row>
    <row r="75" spans="1:28" x14ac:dyDescent="0.15">
      <c r="B75" s="295"/>
      <c r="C75" s="290" t="s">
        <v>165</v>
      </c>
      <c r="U75" s="295"/>
      <c r="V75" s="272" t="s">
        <v>0</v>
      </c>
      <c r="W75" s="272" t="s">
        <v>95</v>
      </c>
      <c r="X75" s="272" t="s">
        <v>0</v>
      </c>
      <c r="Y75" s="88"/>
      <c r="Z75"/>
      <c r="AA75"/>
      <c r="AB75"/>
    </row>
    <row r="76" spans="1:28" x14ac:dyDescent="0.15">
      <c r="B76" s="295"/>
      <c r="U76" s="295"/>
      <c r="Y76" s="294"/>
      <c r="Z76"/>
      <c r="AA76"/>
      <c r="AB76"/>
    </row>
    <row r="77" spans="1:28" ht="16.5" customHeight="1" x14ac:dyDescent="0.15">
      <c r="B77" s="295"/>
      <c r="C77" s="290" t="s">
        <v>166</v>
      </c>
      <c r="U77" s="295"/>
      <c r="V77" s="272" t="s">
        <v>0</v>
      </c>
      <c r="W77" s="272" t="s">
        <v>95</v>
      </c>
      <c r="X77" s="272" t="s">
        <v>0</v>
      </c>
      <c r="Y77" s="88"/>
      <c r="Z77"/>
      <c r="AA77"/>
      <c r="AB77"/>
    </row>
    <row r="78" spans="1:28" ht="5.25" customHeight="1" x14ac:dyDescent="0.15">
      <c r="B78" s="299"/>
      <c r="C78" s="259"/>
      <c r="D78" s="259"/>
      <c r="E78" s="259"/>
      <c r="F78" s="259"/>
      <c r="G78" s="259"/>
      <c r="H78" s="259"/>
      <c r="I78" s="259"/>
      <c r="J78" s="259"/>
      <c r="K78" s="259"/>
      <c r="L78" s="259"/>
      <c r="M78" s="259"/>
      <c r="N78" s="259"/>
      <c r="O78" s="259"/>
      <c r="P78" s="259"/>
      <c r="Q78" s="259"/>
      <c r="R78" s="259"/>
      <c r="S78" s="259"/>
      <c r="T78" s="259"/>
      <c r="U78" s="299"/>
      <c r="V78" s="259"/>
      <c r="W78" s="259"/>
      <c r="X78" s="259"/>
      <c r="Y78" s="300"/>
      <c r="Z78"/>
      <c r="AA78"/>
      <c r="AB78"/>
    </row>
    <row r="80" spans="1:28" x14ac:dyDescent="0.15">
      <c r="B80" s="290" t="s">
        <v>167</v>
      </c>
    </row>
    <row r="81" spans="2:28" x14ac:dyDescent="0.15">
      <c r="B81" s="290" t="s">
        <v>168</v>
      </c>
      <c r="K81"/>
      <c r="L81"/>
      <c r="M81"/>
      <c r="N81"/>
      <c r="O81"/>
      <c r="P81"/>
      <c r="Q81"/>
      <c r="R81"/>
      <c r="S81"/>
      <c r="T81"/>
      <c r="U81"/>
      <c r="V81"/>
      <c r="W81"/>
      <c r="X81"/>
      <c r="Y81"/>
      <c r="Z81"/>
      <c r="AA81"/>
      <c r="AB81"/>
    </row>
    <row r="82" spans="2:28" ht="13.5" customHeight="1" x14ac:dyDescent="0.15">
      <c r="B82" s="290" t="s">
        <v>169</v>
      </c>
      <c r="K82"/>
      <c r="L82"/>
      <c r="M82"/>
      <c r="N82"/>
      <c r="O82"/>
      <c r="P82"/>
      <c r="Q82"/>
      <c r="R82"/>
      <c r="S82"/>
      <c r="T82"/>
      <c r="U82"/>
      <c r="V82"/>
      <c r="W82"/>
      <c r="X82"/>
      <c r="Y82"/>
      <c r="Z82"/>
      <c r="AA82"/>
      <c r="AB82"/>
    </row>
    <row r="84" spans="2:28" x14ac:dyDescent="0.15">
      <c r="B84" s="290" t="s">
        <v>221</v>
      </c>
      <c r="C84"/>
      <c r="D84"/>
      <c r="E84"/>
      <c r="F84"/>
      <c r="G84"/>
      <c r="H84"/>
      <c r="I84"/>
      <c r="J84"/>
      <c r="K84"/>
      <c r="L84"/>
      <c r="M84"/>
      <c r="N84"/>
      <c r="O84"/>
      <c r="P84"/>
      <c r="Q84"/>
      <c r="R84"/>
      <c r="S84"/>
      <c r="T84"/>
      <c r="U84"/>
      <c r="V84"/>
      <c r="W84"/>
      <c r="X84"/>
      <c r="Y84"/>
    </row>
    <row r="86" spans="2:28" x14ac:dyDescent="0.15">
      <c r="B86" s="392" t="s">
        <v>170</v>
      </c>
      <c r="C86" s="392"/>
      <c r="D86" s="392"/>
      <c r="E86" s="392"/>
      <c r="F86" s="392"/>
      <c r="G86" s="392"/>
      <c r="H86" s="392"/>
      <c r="I86" s="392"/>
      <c r="J86" s="392"/>
      <c r="K86" s="392"/>
      <c r="L86" s="392"/>
      <c r="M86" s="392"/>
      <c r="N86" s="392"/>
      <c r="O86" s="392"/>
      <c r="P86" s="392"/>
      <c r="Q86" s="392"/>
      <c r="R86" s="392"/>
      <c r="S86" s="392"/>
      <c r="T86" s="392"/>
      <c r="U86" s="392"/>
      <c r="V86" s="392"/>
      <c r="W86" s="392"/>
      <c r="X86" s="392"/>
      <c r="Y86" s="392"/>
    </row>
    <row r="88" spans="2:28" ht="23.25" customHeight="1" x14ac:dyDescent="0.15">
      <c r="B88" s="393" t="s">
        <v>115</v>
      </c>
      <c r="C88" s="393"/>
      <c r="D88" s="393"/>
      <c r="E88" s="393"/>
      <c r="F88" s="393"/>
      <c r="G88" s="394"/>
      <c r="H88" s="395"/>
      <c r="I88" s="395"/>
      <c r="J88" s="395"/>
      <c r="K88" s="395"/>
      <c r="L88" s="395"/>
      <c r="M88" s="395"/>
      <c r="N88" s="395"/>
      <c r="O88" s="395"/>
      <c r="P88" s="395"/>
      <c r="Q88" s="395"/>
      <c r="R88" s="395"/>
      <c r="S88" s="395"/>
      <c r="T88" s="395"/>
      <c r="U88" s="395"/>
      <c r="V88" s="395"/>
      <c r="W88" s="395"/>
      <c r="X88" s="395"/>
      <c r="Y88" s="396"/>
    </row>
    <row r="89" spans="2:28" ht="23.25" customHeight="1" x14ac:dyDescent="0.15">
      <c r="B89" s="393" t="s">
        <v>116</v>
      </c>
      <c r="C89" s="393"/>
      <c r="D89" s="393"/>
      <c r="E89" s="393"/>
      <c r="F89" s="393"/>
      <c r="G89" s="249" t="s">
        <v>0</v>
      </c>
      <c r="H89" s="315" t="s">
        <v>87</v>
      </c>
      <c r="I89" s="315"/>
      <c r="J89" s="315"/>
      <c r="K89" s="315"/>
      <c r="L89" s="272" t="s">
        <v>0</v>
      </c>
      <c r="M89" s="315" t="s">
        <v>88</v>
      </c>
      <c r="N89" s="315"/>
      <c r="O89" s="315"/>
      <c r="P89" s="315"/>
      <c r="Q89" s="272" t="s">
        <v>0</v>
      </c>
      <c r="R89" s="315" t="s">
        <v>89</v>
      </c>
      <c r="S89" s="315"/>
      <c r="T89" s="315"/>
      <c r="U89" s="315"/>
      <c r="V89" s="315"/>
      <c r="W89" s="286"/>
      <c r="X89" s="286"/>
      <c r="Y89" s="287"/>
    </row>
    <row r="90" spans="2:28" ht="20.100000000000001" customHeight="1" x14ac:dyDescent="0.15">
      <c r="B90" s="401" t="s">
        <v>117</v>
      </c>
      <c r="C90" s="402"/>
      <c r="D90" s="402"/>
      <c r="E90" s="402"/>
      <c r="F90" s="403"/>
      <c r="G90" s="253" t="s">
        <v>0</v>
      </c>
      <c r="H90" s="297" t="s">
        <v>118</v>
      </c>
      <c r="I90" s="265"/>
      <c r="J90" s="265"/>
      <c r="K90" s="265"/>
      <c r="L90" s="265"/>
      <c r="M90" s="265"/>
      <c r="N90" s="265"/>
      <c r="O90" s="265"/>
      <c r="P90" s="265"/>
      <c r="Q90" s="265"/>
      <c r="R90" s="265"/>
      <c r="S90" s="265"/>
      <c r="T90" s="265"/>
      <c r="U90" s="265"/>
      <c r="V90" s="265"/>
      <c r="W90" s="265"/>
      <c r="X90" s="265"/>
      <c r="Y90" s="266"/>
    </row>
    <row r="91" spans="2:28" ht="20.100000000000001" customHeight="1" x14ac:dyDescent="0.15">
      <c r="B91" s="421"/>
      <c r="C91" s="392"/>
      <c r="D91" s="392"/>
      <c r="E91" s="392"/>
      <c r="F91" s="422"/>
      <c r="G91" s="272" t="s">
        <v>0</v>
      </c>
      <c r="H91" s="290" t="s">
        <v>119</v>
      </c>
      <c r="I91" s="274"/>
      <c r="J91" s="274"/>
      <c r="K91" s="274"/>
      <c r="L91" s="274"/>
      <c r="M91" s="274"/>
      <c r="N91" s="274"/>
      <c r="O91" s="274"/>
      <c r="P91" s="274"/>
      <c r="Q91" s="274"/>
      <c r="R91" s="274"/>
      <c r="S91" s="274"/>
      <c r="T91" s="274"/>
      <c r="U91" s="274"/>
      <c r="V91" s="274"/>
      <c r="W91" s="274"/>
      <c r="X91" s="274"/>
      <c r="Y91" s="275"/>
    </row>
    <row r="92" spans="2:28" ht="20.100000000000001" customHeight="1" x14ac:dyDescent="0.15">
      <c r="B92" s="404"/>
      <c r="C92" s="405"/>
      <c r="D92" s="405"/>
      <c r="E92" s="405"/>
      <c r="F92" s="406"/>
      <c r="G92" s="256" t="s">
        <v>0</v>
      </c>
      <c r="H92" s="259" t="s">
        <v>120</v>
      </c>
      <c r="I92" s="269"/>
      <c r="J92" s="269"/>
      <c r="K92" s="269"/>
      <c r="L92" s="269"/>
      <c r="M92" s="269"/>
      <c r="N92" s="269"/>
      <c r="O92" s="269"/>
      <c r="P92" s="269"/>
      <c r="Q92" s="269"/>
      <c r="R92" s="269"/>
      <c r="S92" s="269"/>
      <c r="T92" s="269"/>
      <c r="U92" s="269"/>
      <c r="V92" s="269"/>
      <c r="W92" s="269"/>
      <c r="X92" s="269"/>
      <c r="Y92" s="270"/>
    </row>
    <row r="94" spans="2:28" x14ac:dyDescent="0.15">
      <c r="B94" s="296"/>
      <c r="C94" s="297"/>
      <c r="D94" s="297"/>
      <c r="E94" s="297"/>
      <c r="F94" s="297"/>
      <c r="G94" s="297"/>
      <c r="H94" s="297"/>
      <c r="I94" s="297"/>
      <c r="J94" s="297"/>
      <c r="K94" s="297"/>
      <c r="L94" s="297"/>
      <c r="M94" s="297"/>
      <c r="N94" s="297"/>
      <c r="O94" s="297"/>
      <c r="P94" s="297"/>
      <c r="Q94" s="297"/>
      <c r="R94" s="297"/>
      <c r="S94" s="297"/>
      <c r="T94" s="298"/>
      <c r="U94" s="297"/>
      <c r="V94" s="297"/>
      <c r="W94" s="297"/>
      <c r="X94" s="297"/>
      <c r="Y94" s="298"/>
      <c r="Z94"/>
      <c r="AA94"/>
      <c r="AB94"/>
    </row>
    <row r="95" spans="2:28" x14ac:dyDescent="0.15">
      <c r="B95" s="295" t="s">
        <v>929</v>
      </c>
      <c r="T95" s="294"/>
      <c r="V95" s="94" t="s">
        <v>94</v>
      </c>
      <c r="W95" s="94" t="s">
        <v>95</v>
      </c>
      <c r="X95" s="94" t="s">
        <v>96</v>
      </c>
      <c r="Y95" s="294"/>
      <c r="Z95"/>
      <c r="AA95"/>
      <c r="AB95"/>
    </row>
    <row r="96" spans="2:28" x14ac:dyDescent="0.15">
      <c r="B96" s="295"/>
      <c r="T96" s="294"/>
      <c r="Y96" s="294"/>
      <c r="Z96"/>
      <c r="AA96"/>
      <c r="AB96"/>
    </row>
    <row r="97" spans="2:28" ht="17.25" customHeight="1" x14ac:dyDescent="0.15">
      <c r="B97" s="295"/>
      <c r="C97" s="290" t="s">
        <v>171</v>
      </c>
      <c r="T97" s="294"/>
      <c r="V97" s="272" t="s">
        <v>0</v>
      </c>
      <c r="W97" s="272" t="s">
        <v>95</v>
      </c>
      <c r="X97" s="272" t="s">
        <v>0</v>
      </c>
      <c r="Y97" s="88"/>
    </row>
    <row r="98" spans="2:28" x14ac:dyDescent="0.15">
      <c r="B98" s="295"/>
      <c r="T98" s="294"/>
      <c r="V98" s="272"/>
      <c r="W98" s="272"/>
      <c r="X98" s="272"/>
      <c r="Y98" s="292"/>
    </row>
    <row r="99" spans="2:28" ht="17.25" customHeight="1" x14ac:dyDescent="0.15">
      <c r="B99" s="295"/>
      <c r="C99" s="290" t="s">
        <v>172</v>
      </c>
      <c r="T99" s="294"/>
      <c r="V99" s="272" t="s">
        <v>0</v>
      </c>
      <c r="W99" s="272" t="s">
        <v>95</v>
      </c>
      <c r="X99" s="272" t="s">
        <v>0</v>
      </c>
      <c r="Y99" s="88"/>
    </row>
    <row r="100" spans="2:28" x14ac:dyDescent="0.15">
      <c r="B100" s="295"/>
      <c r="T100" s="294"/>
      <c r="V100" s="272"/>
      <c r="W100" s="272"/>
      <c r="X100" s="272"/>
      <c r="Y100" s="292"/>
    </row>
    <row r="101" spans="2:28" ht="17.25" customHeight="1" x14ac:dyDescent="0.15">
      <c r="B101" s="295"/>
      <c r="C101" s="290" t="s">
        <v>173</v>
      </c>
      <c r="T101" s="294"/>
      <c r="V101" s="272" t="s">
        <v>0</v>
      </c>
      <c r="W101" s="272" t="s">
        <v>95</v>
      </c>
      <c r="X101" s="272" t="s">
        <v>0</v>
      </c>
      <c r="Y101" s="88"/>
    </row>
    <row r="102" spans="2:28" ht="7.5" customHeight="1" x14ac:dyDescent="0.15">
      <c r="B102" s="295"/>
      <c r="T102" s="294"/>
      <c r="V102" s="2"/>
      <c r="W102" s="2"/>
      <c r="X102" s="2"/>
      <c r="Y102" s="88"/>
    </row>
    <row r="103" spans="2:28" x14ac:dyDescent="0.15">
      <c r="B103" s="295"/>
      <c r="C103" s="290" t="s">
        <v>174</v>
      </c>
      <c r="T103" s="294"/>
      <c r="V103" s="2"/>
      <c r="W103" s="2"/>
      <c r="X103" s="2"/>
      <c r="Y103" s="88"/>
    </row>
    <row r="104" spans="2:28" x14ac:dyDescent="0.15">
      <c r="B104" s="299"/>
      <c r="C104" s="259"/>
      <c r="D104" s="259"/>
      <c r="E104" s="259"/>
      <c r="F104" s="259"/>
      <c r="G104" s="259"/>
      <c r="H104" s="259"/>
      <c r="I104" s="259"/>
      <c r="J104" s="259"/>
      <c r="K104" s="259"/>
      <c r="L104" s="259"/>
      <c r="M104" s="259"/>
      <c r="N104" s="259"/>
      <c r="O104" s="259"/>
      <c r="P104" s="259"/>
      <c r="Q104" s="259"/>
      <c r="R104" s="259"/>
      <c r="S104" s="259"/>
      <c r="T104" s="300"/>
      <c r="U104" s="259"/>
      <c r="V104" s="259"/>
      <c r="W104" s="259"/>
      <c r="X104" s="259"/>
      <c r="Y104" s="300"/>
    </row>
    <row r="106" spans="2:28" x14ac:dyDescent="0.15">
      <c r="B106" s="296"/>
      <c r="C106" s="297"/>
      <c r="D106" s="297"/>
      <c r="E106" s="297"/>
      <c r="F106" s="297"/>
      <c r="G106" s="297"/>
      <c r="H106" s="297"/>
      <c r="I106" s="297"/>
      <c r="J106" s="297"/>
      <c r="K106" s="297"/>
      <c r="L106" s="297"/>
      <c r="M106" s="297"/>
      <c r="N106" s="297"/>
      <c r="O106" s="297"/>
      <c r="P106" s="297"/>
      <c r="Q106" s="297"/>
      <c r="R106" s="297"/>
      <c r="S106" s="297"/>
      <c r="T106" s="298"/>
      <c r="U106" s="297"/>
      <c r="V106" s="297"/>
      <c r="W106" s="297"/>
      <c r="X106" s="297"/>
      <c r="Y106" s="298"/>
      <c r="Z106"/>
      <c r="AA106"/>
      <c r="AB106"/>
    </row>
    <row r="107" spans="2:28" x14ac:dyDescent="0.15">
      <c r="B107" s="295" t="s">
        <v>930</v>
      </c>
      <c r="T107" s="294"/>
      <c r="V107" s="94" t="s">
        <v>94</v>
      </c>
      <c r="W107" s="94" t="s">
        <v>95</v>
      </c>
      <c r="X107" s="94" t="s">
        <v>96</v>
      </c>
      <c r="Y107" s="294"/>
      <c r="Z107"/>
      <c r="AA107"/>
      <c r="AB107"/>
    </row>
    <row r="108" spans="2:28" x14ac:dyDescent="0.15">
      <c r="B108" s="295"/>
      <c r="T108" s="294"/>
      <c r="Y108" s="294"/>
      <c r="Z108"/>
      <c r="AA108"/>
      <c r="AB108"/>
    </row>
    <row r="109" spans="2:28" ht="17.25" customHeight="1" x14ac:dyDescent="0.15">
      <c r="B109" s="295"/>
      <c r="C109" s="290" t="s">
        <v>171</v>
      </c>
      <c r="T109" s="294"/>
      <c r="V109" s="272" t="s">
        <v>0</v>
      </c>
      <c r="W109" s="272" t="s">
        <v>95</v>
      </c>
      <c r="X109" s="272" t="s">
        <v>0</v>
      </c>
      <c r="Y109" s="88"/>
    </row>
    <row r="110" spans="2:28" x14ac:dyDescent="0.15">
      <c r="B110" s="295"/>
      <c r="T110" s="294"/>
      <c r="V110" s="272"/>
      <c r="W110" s="272"/>
      <c r="X110" s="272"/>
      <c r="Y110" s="292"/>
    </row>
    <row r="111" spans="2:28" ht="13.5" customHeight="1" x14ac:dyDescent="0.15">
      <c r="B111" s="295"/>
      <c r="C111" s="290" t="s">
        <v>175</v>
      </c>
      <c r="T111" s="294"/>
      <c r="V111" s="272" t="s">
        <v>0</v>
      </c>
      <c r="W111" s="272" t="s">
        <v>95</v>
      </c>
      <c r="X111" s="272" t="s">
        <v>0</v>
      </c>
      <c r="Y111" s="88"/>
    </row>
    <row r="112" spans="2:28" ht="7.5" customHeight="1" x14ac:dyDescent="0.15">
      <c r="B112" s="295"/>
      <c r="T112" s="294"/>
      <c r="V112" s="2"/>
      <c r="W112" s="2"/>
      <c r="X112" s="2"/>
      <c r="Y112" s="88"/>
    </row>
    <row r="113" spans="2:28" ht="17.25" customHeight="1" x14ac:dyDescent="0.15">
      <c r="B113" s="295"/>
      <c r="C113" s="290" t="s">
        <v>176</v>
      </c>
      <c r="T113" s="294"/>
      <c r="V113" s="2"/>
      <c r="W113" s="2"/>
      <c r="X113" s="2"/>
      <c r="Y113" s="88"/>
    </row>
    <row r="114" spans="2:28" x14ac:dyDescent="0.15">
      <c r="B114" s="299"/>
      <c r="C114" s="259"/>
      <c r="D114" s="259"/>
      <c r="E114" s="259"/>
      <c r="F114" s="259"/>
      <c r="G114" s="259"/>
      <c r="H114" s="259"/>
      <c r="I114" s="259"/>
      <c r="J114" s="259"/>
      <c r="K114" s="259"/>
      <c r="L114" s="259"/>
      <c r="M114" s="259"/>
      <c r="N114" s="259"/>
      <c r="O114" s="259"/>
      <c r="P114" s="259"/>
      <c r="Q114" s="259"/>
      <c r="R114" s="259"/>
      <c r="S114" s="259"/>
      <c r="T114" s="300"/>
      <c r="U114" s="259"/>
      <c r="V114" s="259"/>
      <c r="W114" s="259"/>
      <c r="X114" s="259"/>
      <c r="Y114" s="300"/>
    </row>
    <row r="117" spans="2:28" x14ac:dyDescent="0.15">
      <c r="K117"/>
      <c r="L117"/>
      <c r="M117"/>
      <c r="N117"/>
      <c r="O117"/>
      <c r="P117"/>
      <c r="Q117"/>
      <c r="R117"/>
      <c r="S117"/>
      <c r="T117"/>
      <c r="U117"/>
      <c r="V117"/>
      <c r="W117"/>
      <c r="X117"/>
      <c r="Y117"/>
      <c r="Z117"/>
      <c r="AA117"/>
      <c r="AB117"/>
    </row>
    <row r="122" spans="2:28" x14ac:dyDescent="0.15">
      <c r="C122" s="259"/>
      <c r="D122" s="259"/>
      <c r="E122" s="259"/>
      <c r="F122" s="259"/>
      <c r="G122" s="259"/>
    </row>
    <row r="123" spans="2:28" x14ac:dyDescent="0.15">
      <c r="C123" s="297"/>
    </row>
  </sheetData>
  <mergeCells count="61">
    <mergeCell ref="B86:Y86"/>
    <mergeCell ref="B88:F88"/>
    <mergeCell ref="G88:Y88"/>
    <mergeCell ref="B89:F89"/>
    <mergeCell ref="B90:F92"/>
    <mergeCell ref="V41:X41"/>
    <mergeCell ref="E40:F40"/>
    <mergeCell ref="H40:I40"/>
    <mergeCell ref="K40:M40"/>
    <mergeCell ref="O40:P40"/>
    <mergeCell ref="R40:S40"/>
    <mergeCell ref="V40:X40"/>
    <mergeCell ref="E41:F41"/>
    <mergeCell ref="H41:I41"/>
    <mergeCell ref="K41:M41"/>
    <mergeCell ref="O41:P41"/>
    <mergeCell ref="R41:S41"/>
    <mergeCell ref="D35:X35"/>
    <mergeCell ref="E39:F39"/>
    <mergeCell ref="H39:I39"/>
    <mergeCell ref="K39:M39"/>
    <mergeCell ref="O39:P39"/>
    <mergeCell ref="R39:S39"/>
    <mergeCell ref="V39:X39"/>
    <mergeCell ref="D30:H30"/>
    <mergeCell ref="I30:L30"/>
    <mergeCell ref="P30:Q30"/>
    <mergeCell ref="V30:W30"/>
    <mergeCell ref="D31:H31"/>
    <mergeCell ref="I31:L31"/>
    <mergeCell ref="P31:Q31"/>
    <mergeCell ref="V31:W31"/>
    <mergeCell ref="D28:H28"/>
    <mergeCell ref="I28:L28"/>
    <mergeCell ref="P28:Q28"/>
    <mergeCell ref="V28:W28"/>
    <mergeCell ref="D29:H29"/>
    <mergeCell ref="I29:L29"/>
    <mergeCell ref="P29:Q29"/>
    <mergeCell ref="V29:W29"/>
    <mergeCell ref="D24:U25"/>
    <mergeCell ref="D26:X26"/>
    <mergeCell ref="D27:H27"/>
    <mergeCell ref="I27:L27"/>
    <mergeCell ref="P27:Q27"/>
    <mergeCell ref="V27:W27"/>
    <mergeCell ref="D23:H23"/>
    <mergeCell ref="I23:L23"/>
    <mergeCell ref="P23:Q23"/>
    <mergeCell ref="V23:W23"/>
    <mergeCell ref="B4:Y4"/>
    <mergeCell ref="B6:F6"/>
    <mergeCell ref="G6:Y6"/>
    <mergeCell ref="B7:F7"/>
    <mergeCell ref="B8:F11"/>
    <mergeCell ref="B12:F15"/>
    <mergeCell ref="K20:L20"/>
    <mergeCell ref="D22:H22"/>
    <mergeCell ref="I22:L22"/>
    <mergeCell ref="P22:Q22"/>
    <mergeCell ref="V22:W22"/>
  </mergeCells>
  <phoneticPr fontId="1"/>
  <dataValidations count="1">
    <dataValidation type="list" allowBlank="1" showInputMessage="1" showErrorMessage="1" sqref="G7:G15 L7 Q7 V48 X48 V51:V52 X51:X52 V54:V55 X54:X55 V67 X67 V69 X69 V71 X71 V73 X73 V75 X75 X77 V77 V57:V59 X57:X59 V61 X61 L89 Q89 G89:G92 V97 X97 V99 X99 V101 X101 V109 X109 V111 X111">
      <formula1>"□,■"</formula1>
    </dataValidation>
  </dataValidations>
  <pageMargins left="0.7" right="0.7" top="0.75" bottom="0.75" header="0.3" footer="0.3"/>
  <pageSetup paperSize="9" scale="60" orientation="portrait" r:id="rId1"/>
  <rowBreaks count="1" manualBreakCount="1">
    <brk id="83" max="16383" man="1"/>
  </row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B123"/>
  <sheetViews>
    <sheetView zoomScaleNormal="100" zoomScaleSheetLayoutView="85" workbookViewId="0">
      <selection activeCell="F61" sqref="F61"/>
    </sheetView>
  </sheetViews>
  <sheetFormatPr defaultColWidth="4" defaultRowHeight="13.5" x14ac:dyDescent="0.15"/>
  <cols>
    <col min="1" max="1" width="1.5" style="290" customWidth="1"/>
    <col min="2" max="2" width="2.375" style="290" customWidth="1"/>
    <col min="3" max="3" width="1.125" style="290" customWidth="1"/>
    <col min="4" max="20" width="4" style="290"/>
    <col min="21" max="21" width="2.375" style="290" customWidth="1"/>
    <col min="22" max="22" width="4" style="290"/>
    <col min="23" max="23" width="2.25" style="290" customWidth="1"/>
    <col min="24" max="24" width="4" style="290"/>
    <col min="25" max="25" width="2.375" style="290" customWidth="1"/>
    <col min="26" max="26" width="1.5" style="290" customWidth="1"/>
    <col min="27" max="16384" width="4" style="290"/>
  </cols>
  <sheetData>
    <row r="2" spans="2:25" x14ac:dyDescent="0.15">
      <c r="B2" s="290" t="s">
        <v>177</v>
      </c>
      <c r="C2"/>
      <c r="D2"/>
      <c r="E2"/>
      <c r="F2"/>
      <c r="G2"/>
      <c r="H2"/>
      <c r="I2"/>
      <c r="J2"/>
      <c r="K2"/>
      <c r="L2"/>
      <c r="M2"/>
      <c r="N2"/>
      <c r="O2"/>
      <c r="P2"/>
      <c r="Q2"/>
      <c r="R2"/>
      <c r="S2"/>
      <c r="T2"/>
      <c r="U2"/>
      <c r="V2"/>
      <c r="W2"/>
      <c r="X2"/>
      <c r="Y2"/>
    </row>
    <row r="4" spans="2:25" x14ac:dyDescent="0.15">
      <c r="B4" s="392" t="s">
        <v>207</v>
      </c>
      <c r="C4" s="392"/>
      <c r="D4" s="392"/>
      <c r="E4" s="392"/>
      <c r="F4" s="392"/>
      <c r="G4" s="392"/>
      <c r="H4" s="392"/>
      <c r="I4" s="392"/>
      <c r="J4" s="392"/>
      <c r="K4" s="392"/>
      <c r="L4" s="392"/>
      <c r="M4" s="392"/>
      <c r="N4" s="392"/>
      <c r="O4" s="392"/>
      <c r="P4" s="392"/>
      <c r="Q4" s="392"/>
      <c r="R4" s="392"/>
      <c r="S4" s="392"/>
      <c r="T4" s="392"/>
      <c r="U4" s="392"/>
      <c r="V4" s="392"/>
      <c r="W4" s="392"/>
      <c r="X4" s="392"/>
      <c r="Y4" s="392"/>
    </row>
    <row r="6" spans="2:25" ht="23.25" customHeight="1" x14ac:dyDescent="0.15">
      <c r="B6" s="393" t="s">
        <v>115</v>
      </c>
      <c r="C6" s="393"/>
      <c r="D6" s="393"/>
      <c r="E6" s="393"/>
      <c r="F6" s="393"/>
      <c r="G6" s="394"/>
      <c r="H6" s="395"/>
      <c r="I6" s="395"/>
      <c r="J6" s="395"/>
      <c r="K6" s="395"/>
      <c r="L6" s="395"/>
      <c r="M6" s="395"/>
      <c r="N6" s="395"/>
      <c r="O6" s="395"/>
      <c r="P6" s="395"/>
      <c r="Q6" s="395"/>
      <c r="R6" s="395"/>
      <c r="S6" s="395"/>
      <c r="T6" s="395"/>
      <c r="U6" s="395"/>
      <c r="V6" s="395"/>
      <c r="W6" s="395"/>
      <c r="X6" s="395"/>
      <c r="Y6" s="396"/>
    </row>
    <row r="7" spans="2:25" ht="23.25" customHeight="1" x14ac:dyDescent="0.15">
      <c r="B7" s="393" t="s">
        <v>116</v>
      </c>
      <c r="C7" s="393"/>
      <c r="D7" s="393"/>
      <c r="E7" s="393"/>
      <c r="F7" s="393"/>
      <c r="G7" s="249" t="s">
        <v>0</v>
      </c>
      <c r="H7" s="315" t="s">
        <v>87</v>
      </c>
      <c r="I7" s="315"/>
      <c r="J7" s="315"/>
      <c r="K7" s="315"/>
      <c r="L7" s="272" t="s">
        <v>0</v>
      </c>
      <c r="M7" s="315" t="s">
        <v>88</v>
      </c>
      <c r="N7" s="315"/>
      <c r="O7" s="315"/>
      <c r="P7" s="315"/>
      <c r="Q7" s="272" t="s">
        <v>0</v>
      </c>
      <c r="R7" s="315" t="s">
        <v>89</v>
      </c>
      <c r="S7" s="315"/>
      <c r="T7" s="315"/>
      <c r="U7" s="315"/>
      <c r="V7" s="315"/>
      <c r="W7" s="286"/>
      <c r="X7" s="286"/>
      <c r="Y7" s="287"/>
    </row>
    <row r="8" spans="2:25" ht="20.100000000000001" customHeight="1" x14ac:dyDescent="0.15">
      <c r="B8" s="401" t="s">
        <v>117</v>
      </c>
      <c r="C8" s="402"/>
      <c r="D8" s="402"/>
      <c r="E8" s="402"/>
      <c r="F8" s="403"/>
      <c r="G8" s="272" t="s">
        <v>0</v>
      </c>
      <c r="H8" s="297" t="s">
        <v>118</v>
      </c>
      <c r="I8" s="265"/>
      <c r="J8" s="265"/>
      <c r="K8" s="265"/>
      <c r="L8" s="265"/>
      <c r="M8" s="265"/>
      <c r="N8" s="265"/>
      <c r="O8" s="265"/>
      <c r="P8" s="265"/>
      <c r="Q8" s="265"/>
      <c r="R8" s="265"/>
      <c r="S8" s="265"/>
      <c r="T8" s="265"/>
      <c r="U8" s="265"/>
      <c r="V8" s="265"/>
      <c r="W8" s="265"/>
      <c r="X8" s="265"/>
      <c r="Y8" s="266"/>
    </row>
    <row r="9" spans="2:25" ht="20.100000000000001" customHeight="1" x14ac:dyDescent="0.15">
      <c r="B9" s="421"/>
      <c r="C9" s="392"/>
      <c r="D9" s="392"/>
      <c r="E9" s="392"/>
      <c r="F9" s="422"/>
      <c r="G9" s="272" t="s">
        <v>0</v>
      </c>
      <c r="H9" s="290" t="s">
        <v>119</v>
      </c>
      <c r="I9" s="274"/>
      <c r="J9" s="274"/>
      <c r="K9" s="274"/>
      <c r="L9" s="274"/>
      <c r="M9" s="274"/>
      <c r="N9" s="274"/>
      <c r="O9" s="274"/>
      <c r="P9" s="274"/>
      <c r="Q9" s="274"/>
      <c r="R9" s="274"/>
      <c r="S9" s="274"/>
      <c r="T9" s="274"/>
      <c r="U9" s="274"/>
      <c r="V9" s="274"/>
      <c r="W9" s="274"/>
      <c r="X9" s="274"/>
      <c r="Y9" s="275"/>
    </row>
    <row r="10" spans="2:25" ht="20.100000000000001" customHeight="1" x14ac:dyDescent="0.15">
      <c r="B10" s="404"/>
      <c r="C10" s="405"/>
      <c r="D10" s="405"/>
      <c r="E10" s="405"/>
      <c r="F10" s="406"/>
      <c r="G10" s="255" t="s">
        <v>0</v>
      </c>
      <c r="H10" s="259" t="s">
        <v>208</v>
      </c>
      <c r="I10" s="269"/>
      <c r="J10" s="269"/>
      <c r="K10" s="269"/>
      <c r="L10" s="269"/>
      <c r="M10" s="269"/>
      <c r="N10" s="269"/>
      <c r="O10" s="269"/>
      <c r="P10" s="269"/>
      <c r="Q10" s="269"/>
      <c r="R10" s="269"/>
      <c r="S10" s="269"/>
      <c r="T10" s="269"/>
      <c r="U10" s="269"/>
      <c r="V10" s="269"/>
      <c r="W10" s="269"/>
      <c r="X10" s="269"/>
      <c r="Y10" s="270"/>
    </row>
    <row r="11" spans="2:25" ht="20.100000000000001" customHeight="1" x14ac:dyDescent="0.15">
      <c r="B11" s="401" t="s">
        <v>209</v>
      </c>
      <c r="C11" s="402"/>
      <c r="D11" s="402"/>
      <c r="E11" s="402"/>
      <c r="F11" s="403"/>
      <c r="G11" s="272" t="s">
        <v>0</v>
      </c>
      <c r="H11" s="297" t="s">
        <v>210</v>
      </c>
      <c r="I11" s="265"/>
      <c r="J11" s="265"/>
      <c r="K11" s="265"/>
      <c r="L11" s="265"/>
      <c r="M11" s="265"/>
      <c r="N11" s="265"/>
      <c r="O11" s="265"/>
      <c r="P11" s="265"/>
      <c r="Q11" s="265"/>
      <c r="R11" s="265"/>
      <c r="S11" s="265"/>
      <c r="T11" s="265"/>
      <c r="U11" s="265"/>
      <c r="V11" s="265"/>
      <c r="W11" s="265"/>
      <c r="X11" s="265"/>
      <c r="Y11" s="266"/>
    </row>
    <row r="12" spans="2:25" ht="20.100000000000001" customHeight="1" x14ac:dyDescent="0.15">
      <c r="B12" s="421"/>
      <c r="C12" s="392"/>
      <c r="D12" s="392"/>
      <c r="E12" s="392"/>
      <c r="F12" s="422"/>
      <c r="G12" s="272" t="s">
        <v>0</v>
      </c>
      <c r="H12" s="290" t="s">
        <v>211</v>
      </c>
      <c r="I12" s="274"/>
      <c r="J12" s="274"/>
      <c r="K12" s="274"/>
      <c r="L12" s="274"/>
      <c r="M12" s="274"/>
      <c r="N12" s="274"/>
      <c r="O12" s="274"/>
      <c r="P12" s="274"/>
      <c r="Q12" s="274"/>
      <c r="R12" s="274"/>
      <c r="S12" s="274"/>
      <c r="T12" s="274"/>
      <c r="U12" s="274"/>
      <c r="V12" s="274"/>
      <c r="W12" s="274"/>
      <c r="X12" s="274"/>
      <c r="Y12" s="275"/>
    </row>
    <row r="13" spans="2:25" ht="20.100000000000001" customHeight="1" x14ac:dyDescent="0.15">
      <c r="B13" s="421"/>
      <c r="C13" s="392"/>
      <c r="D13" s="392"/>
      <c r="E13" s="392"/>
      <c r="F13" s="422"/>
      <c r="G13" s="272" t="s">
        <v>0</v>
      </c>
      <c r="H13" s="290" t="s">
        <v>212</v>
      </c>
      <c r="I13" s="274"/>
      <c r="J13" s="274"/>
      <c r="K13" s="274"/>
      <c r="L13" s="274"/>
      <c r="M13" s="274"/>
      <c r="N13" s="274"/>
      <c r="O13" s="274"/>
      <c r="P13" s="274"/>
      <c r="Q13" s="274"/>
      <c r="R13" s="274"/>
      <c r="S13" s="274"/>
      <c r="T13" s="274"/>
      <c r="U13" s="274"/>
      <c r="V13" s="274"/>
      <c r="W13" s="274"/>
      <c r="X13" s="274"/>
      <c r="Y13" s="275"/>
    </row>
    <row r="14" spans="2:25" ht="20.100000000000001" customHeight="1" x14ac:dyDescent="0.15">
      <c r="B14" s="404"/>
      <c r="C14" s="405"/>
      <c r="D14" s="405"/>
      <c r="E14" s="405"/>
      <c r="F14" s="406"/>
      <c r="G14" s="255" t="s">
        <v>0</v>
      </c>
      <c r="H14" s="259" t="s">
        <v>213</v>
      </c>
      <c r="I14" s="269"/>
      <c r="J14" s="269"/>
      <c r="K14" s="269"/>
      <c r="L14" s="269"/>
      <c r="M14" s="269"/>
      <c r="N14" s="269"/>
      <c r="O14" s="269"/>
      <c r="P14" s="269"/>
      <c r="Q14" s="269"/>
      <c r="R14" s="269"/>
      <c r="S14" s="269"/>
      <c r="T14" s="269"/>
      <c r="U14" s="269"/>
      <c r="V14" s="269"/>
      <c r="W14" s="269"/>
      <c r="X14" s="269"/>
      <c r="Y14" s="270"/>
    </row>
    <row r="16" spans="2:25" x14ac:dyDescent="0.15">
      <c r="B16" s="296"/>
      <c r="C16" s="297"/>
      <c r="D16" s="297"/>
      <c r="E16" s="297"/>
      <c r="F16" s="297"/>
      <c r="G16" s="297"/>
      <c r="H16" s="297"/>
      <c r="I16" s="297"/>
      <c r="J16" s="297"/>
      <c r="K16" s="297"/>
      <c r="L16" s="297"/>
      <c r="M16" s="297"/>
      <c r="N16" s="297"/>
      <c r="O16" s="297"/>
      <c r="P16" s="297"/>
      <c r="Q16" s="297"/>
      <c r="R16" s="297"/>
      <c r="S16" s="297"/>
      <c r="T16" s="297"/>
      <c r="U16" s="297"/>
      <c r="V16" s="297"/>
      <c r="W16" s="297"/>
      <c r="X16" s="297"/>
      <c r="Y16" s="298"/>
    </row>
    <row r="17" spans="2:28" x14ac:dyDescent="0.15">
      <c r="B17" s="295" t="s">
        <v>214</v>
      </c>
      <c r="Y17" s="294"/>
    </row>
    <row r="18" spans="2:28" x14ac:dyDescent="0.15">
      <c r="B18" s="295"/>
      <c r="Y18" s="294"/>
    </row>
    <row r="19" spans="2:28" x14ac:dyDescent="0.15">
      <c r="B19" s="295"/>
      <c r="C19" s="290" t="s">
        <v>215</v>
      </c>
      <c r="K19" s="392"/>
      <c r="L19" s="392"/>
      <c r="Y19" s="294"/>
    </row>
    <row r="20" spans="2:28" ht="6.75" customHeight="1" x14ac:dyDescent="0.15">
      <c r="B20" s="295"/>
      <c r="Y20" s="294"/>
    </row>
    <row r="21" spans="2:28" ht="17.25" customHeight="1" x14ac:dyDescent="0.15">
      <c r="B21" s="295"/>
      <c r="D21" s="398" t="s">
        <v>216</v>
      </c>
      <c r="E21" s="399"/>
      <c r="F21" s="399"/>
      <c r="G21" s="399"/>
      <c r="H21" s="399"/>
      <c r="I21" s="399"/>
      <c r="J21" s="399"/>
      <c r="K21" s="399"/>
      <c r="L21" s="399"/>
      <c r="M21" s="400"/>
      <c r="N21" s="398" t="s">
        <v>216</v>
      </c>
      <c r="O21" s="399"/>
      <c r="P21" s="399"/>
      <c r="Q21" s="399"/>
      <c r="R21" s="399"/>
      <c r="S21" s="399"/>
      <c r="T21" s="399"/>
      <c r="U21" s="399"/>
      <c r="V21" s="399"/>
      <c r="W21" s="399"/>
      <c r="X21" s="400"/>
      <c r="Y21" s="294"/>
    </row>
    <row r="22" spans="2:28" ht="26.25" customHeight="1" x14ac:dyDescent="0.15">
      <c r="B22" s="295"/>
      <c r="D22" s="398"/>
      <c r="E22" s="399"/>
      <c r="F22" s="399"/>
      <c r="G22" s="399"/>
      <c r="H22" s="399"/>
      <c r="I22" s="399"/>
      <c r="J22" s="399"/>
      <c r="K22" s="399"/>
      <c r="L22" s="399"/>
      <c r="M22" s="400"/>
      <c r="N22" s="398"/>
      <c r="O22" s="399"/>
      <c r="P22" s="399"/>
      <c r="Q22" s="399"/>
      <c r="R22" s="399"/>
      <c r="S22" s="399"/>
      <c r="T22" s="399"/>
      <c r="U22" s="399"/>
      <c r="V22" s="399"/>
      <c r="W22" s="399"/>
      <c r="X22" s="400"/>
      <c r="Y22" s="294"/>
    </row>
    <row r="23" spans="2:28" x14ac:dyDescent="0.15">
      <c r="B23" s="295"/>
      <c r="M23" s="272"/>
      <c r="R23" s="272"/>
      <c r="X23" s="272"/>
      <c r="Y23" s="294"/>
      <c r="Z23"/>
      <c r="AA23"/>
      <c r="AB23"/>
    </row>
    <row r="24" spans="2:28" x14ac:dyDescent="0.15">
      <c r="B24" s="295"/>
      <c r="C24" s="290" t="s">
        <v>217</v>
      </c>
      <c r="K24" s="392"/>
      <c r="L24" s="392"/>
      <c r="Y24" s="294"/>
    </row>
    <row r="25" spans="2:28" ht="6.75" customHeight="1" x14ac:dyDescent="0.15">
      <c r="B25" s="295"/>
      <c r="Y25" s="294"/>
    </row>
    <row r="26" spans="2:28" ht="17.25" customHeight="1" x14ac:dyDescent="0.15">
      <c r="B26" s="295"/>
      <c r="D26" s="398" t="s">
        <v>216</v>
      </c>
      <c r="E26" s="399"/>
      <c r="F26" s="399"/>
      <c r="G26" s="399"/>
      <c r="H26" s="399"/>
      <c r="I26" s="399"/>
      <c r="J26" s="399"/>
      <c r="K26" s="399"/>
      <c r="L26" s="399"/>
      <c r="M26" s="400"/>
      <c r="N26" s="398" t="s">
        <v>216</v>
      </c>
      <c r="O26" s="399"/>
      <c r="P26" s="399"/>
      <c r="Q26" s="399"/>
      <c r="R26" s="399"/>
      <c r="S26" s="399"/>
      <c r="T26" s="399"/>
      <c r="U26" s="399"/>
      <c r="V26" s="399"/>
      <c r="W26" s="399"/>
      <c r="X26" s="400"/>
      <c r="Y26" s="294"/>
    </row>
    <row r="27" spans="2:28" ht="26.25" customHeight="1" x14ac:dyDescent="0.15">
      <c r="B27" s="295"/>
      <c r="D27" s="398"/>
      <c r="E27" s="399"/>
      <c r="F27" s="399"/>
      <c r="G27" s="399"/>
      <c r="H27" s="399"/>
      <c r="I27" s="399"/>
      <c r="J27" s="399"/>
      <c r="K27" s="399"/>
      <c r="L27" s="399"/>
      <c r="M27" s="400"/>
      <c r="N27" s="398"/>
      <c r="O27" s="399"/>
      <c r="P27" s="399"/>
      <c r="Q27" s="399"/>
      <c r="R27" s="399"/>
      <c r="S27" s="399"/>
      <c r="T27" s="399"/>
      <c r="U27" s="399"/>
      <c r="V27" s="399"/>
      <c r="W27" s="399"/>
      <c r="X27" s="400"/>
      <c r="Y27" s="294"/>
    </row>
    <row r="28" spans="2:28" x14ac:dyDescent="0.15">
      <c r="B28" s="295"/>
      <c r="Y28" s="294"/>
      <c r="Z28"/>
      <c r="AA28"/>
      <c r="AB28"/>
    </row>
    <row r="29" spans="2:28" x14ac:dyDescent="0.15">
      <c r="B29" s="295"/>
      <c r="C29" s="290" t="s">
        <v>218</v>
      </c>
      <c r="K29" s="2"/>
      <c r="L29" s="2"/>
      <c r="Y29" s="294"/>
    </row>
    <row r="30" spans="2:28" ht="6.75" customHeight="1" x14ac:dyDescent="0.15">
      <c r="B30" s="295"/>
      <c r="Y30" s="294"/>
    </row>
    <row r="31" spans="2:28" ht="17.25" customHeight="1" x14ac:dyDescent="0.15">
      <c r="B31" s="295"/>
      <c r="D31" s="398" t="s">
        <v>216</v>
      </c>
      <c r="E31" s="399"/>
      <c r="F31" s="399"/>
      <c r="G31" s="399"/>
      <c r="H31" s="399"/>
      <c r="I31" s="399"/>
      <c r="J31" s="399"/>
      <c r="K31" s="399"/>
      <c r="L31" s="399"/>
      <c r="M31" s="400"/>
      <c r="N31" s="398" t="s">
        <v>216</v>
      </c>
      <c r="O31" s="399"/>
      <c r="P31" s="399"/>
      <c r="Q31" s="399"/>
      <c r="R31" s="399"/>
      <c r="S31" s="399"/>
      <c r="T31" s="399"/>
      <c r="U31" s="399"/>
      <c r="V31" s="399"/>
      <c r="W31" s="399"/>
      <c r="X31" s="400"/>
      <c r="Y31" s="294"/>
    </row>
    <row r="32" spans="2:28" ht="26.25" customHeight="1" x14ac:dyDescent="0.15">
      <c r="B32" s="295"/>
      <c r="D32" s="398"/>
      <c r="E32" s="399"/>
      <c r="F32" s="399"/>
      <c r="G32" s="399"/>
      <c r="H32" s="399"/>
      <c r="I32" s="399"/>
      <c r="J32" s="399"/>
      <c r="K32" s="399"/>
      <c r="L32" s="399"/>
      <c r="M32" s="400"/>
      <c r="N32" s="398"/>
      <c r="O32" s="399"/>
      <c r="P32" s="399"/>
      <c r="Q32" s="399"/>
      <c r="R32" s="399"/>
      <c r="S32" s="399"/>
      <c r="T32" s="399"/>
      <c r="U32" s="399"/>
      <c r="V32" s="399"/>
      <c r="W32" s="399"/>
      <c r="X32" s="400"/>
      <c r="Y32" s="294"/>
    </row>
    <row r="33" spans="1:28" ht="7.5" customHeight="1" x14ac:dyDescent="0.15">
      <c r="B33" s="295"/>
      <c r="Y33" s="294"/>
      <c r="Z33"/>
      <c r="AA33"/>
      <c r="AB33"/>
    </row>
    <row r="34" spans="1:28" x14ac:dyDescent="0.15">
      <c r="B34" s="295"/>
      <c r="C34" s="290" t="s">
        <v>219</v>
      </c>
      <c r="K34" s="392"/>
      <c r="L34" s="392"/>
      <c r="Y34" s="294"/>
    </row>
    <row r="35" spans="1:28" ht="6.75" customHeight="1" x14ac:dyDescent="0.15">
      <c r="B35" s="295"/>
      <c r="Y35" s="294"/>
    </row>
    <row r="36" spans="1:28" ht="17.25" customHeight="1" x14ac:dyDescent="0.15">
      <c r="B36" s="295"/>
      <c r="D36" s="398" t="s">
        <v>216</v>
      </c>
      <c r="E36" s="399"/>
      <c r="F36" s="399"/>
      <c r="G36" s="399"/>
      <c r="H36" s="399"/>
      <c r="I36" s="399"/>
      <c r="J36" s="399"/>
      <c r="K36" s="399"/>
      <c r="L36" s="399"/>
      <c r="M36" s="400"/>
      <c r="N36" s="398" t="s">
        <v>216</v>
      </c>
      <c r="O36" s="399"/>
      <c r="P36" s="399"/>
      <c r="Q36" s="399"/>
      <c r="R36" s="399"/>
      <c r="S36" s="399"/>
      <c r="T36" s="399"/>
      <c r="U36" s="399"/>
      <c r="V36" s="399"/>
      <c r="W36" s="399"/>
      <c r="X36" s="400"/>
      <c r="Y36" s="294"/>
    </row>
    <row r="37" spans="1:28" ht="27.75" customHeight="1" x14ac:dyDescent="0.15">
      <c r="B37" s="295"/>
      <c r="D37" s="398"/>
      <c r="E37" s="399"/>
      <c r="F37" s="399"/>
      <c r="G37" s="399"/>
      <c r="H37" s="399"/>
      <c r="I37" s="399"/>
      <c r="J37" s="399"/>
      <c r="K37" s="399"/>
      <c r="L37" s="399"/>
      <c r="M37" s="400"/>
      <c r="N37" s="398"/>
      <c r="O37" s="399"/>
      <c r="P37" s="399"/>
      <c r="Q37" s="399"/>
      <c r="R37" s="399"/>
      <c r="S37" s="399"/>
      <c r="T37" s="399"/>
      <c r="U37" s="399"/>
      <c r="V37" s="399"/>
      <c r="W37" s="399"/>
      <c r="X37" s="400"/>
      <c r="Y37" s="294"/>
    </row>
    <row r="38" spans="1:28" x14ac:dyDescent="0.15">
      <c r="A38" s="294"/>
      <c r="D38" s="373"/>
      <c r="Y38" s="294"/>
      <c r="Z38"/>
      <c r="AA38"/>
      <c r="AB38"/>
    </row>
    <row r="39" spans="1:28" x14ac:dyDescent="0.15">
      <c r="B39" s="299"/>
      <c r="C39" s="259"/>
      <c r="D39" s="259"/>
      <c r="E39" s="259"/>
      <c r="F39" s="259"/>
      <c r="G39" s="259"/>
      <c r="H39" s="259"/>
      <c r="I39" s="259"/>
      <c r="J39" s="259"/>
      <c r="K39" s="259"/>
      <c r="L39" s="259"/>
      <c r="M39" s="259"/>
      <c r="N39" s="259"/>
      <c r="O39" s="259"/>
      <c r="P39" s="259"/>
      <c r="Q39" s="259"/>
      <c r="R39" s="259"/>
      <c r="S39" s="259"/>
      <c r="T39" s="259"/>
      <c r="U39" s="259"/>
      <c r="V39" s="259"/>
      <c r="W39" s="259"/>
      <c r="X39" s="259"/>
      <c r="Y39" s="259"/>
      <c r="Z39" s="360"/>
      <c r="AA39"/>
      <c r="AB39"/>
    </row>
    <row r="42" spans="1:28" x14ac:dyDescent="0.15">
      <c r="B42" s="290" t="s">
        <v>1049</v>
      </c>
    </row>
    <row r="43" spans="1:28" x14ac:dyDescent="0.15">
      <c r="B43" s="290" t="s">
        <v>220</v>
      </c>
      <c r="D43" s="290" t="s">
        <v>1050</v>
      </c>
      <c r="K43"/>
      <c r="L43"/>
      <c r="M43"/>
      <c r="N43"/>
      <c r="O43"/>
      <c r="P43"/>
      <c r="Q43"/>
      <c r="R43"/>
      <c r="S43"/>
      <c r="T43"/>
      <c r="U43"/>
      <c r="V43"/>
      <c r="W43"/>
      <c r="X43"/>
      <c r="Y43"/>
      <c r="Z43"/>
      <c r="AA43"/>
      <c r="AB43"/>
    </row>
    <row r="122" spans="3:7" x14ac:dyDescent="0.15">
      <c r="C122" s="259"/>
      <c r="D122" s="259"/>
      <c r="E122" s="259"/>
      <c r="F122" s="259"/>
      <c r="G122" s="259"/>
    </row>
    <row r="123" spans="3:7" x14ac:dyDescent="0.15">
      <c r="C123" s="297"/>
    </row>
  </sheetData>
  <mergeCells count="25">
    <mergeCell ref="D37:M37"/>
    <mergeCell ref="N37:X37"/>
    <mergeCell ref="D26:M26"/>
    <mergeCell ref="N26:X26"/>
    <mergeCell ref="D27:M27"/>
    <mergeCell ref="N27:X27"/>
    <mergeCell ref="D31:M31"/>
    <mergeCell ref="N31:X31"/>
    <mergeCell ref="D32:M32"/>
    <mergeCell ref="N32:X32"/>
    <mergeCell ref="K34:L34"/>
    <mergeCell ref="D36:M36"/>
    <mergeCell ref="N36:X36"/>
    <mergeCell ref="K24:L24"/>
    <mergeCell ref="B4:Y4"/>
    <mergeCell ref="B6:F6"/>
    <mergeCell ref="G6:Y6"/>
    <mergeCell ref="B7:F7"/>
    <mergeCell ref="B8:F10"/>
    <mergeCell ref="B11:F14"/>
    <mergeCell ref="K19:L19"/>
    <mergeCell ref="D21:M21"/>
    <mergeCell ref="N21:X21"/>
    <mergeCell ref="D22:M22"/>
    <mergeCell ref="N22:X22"/>
  </mergeCells>
  <phoneticPr fontId="1"/>
  <dataValidations count="1">
    <dataValidation type="list" allowBlank="1" showInputMessage="1" showErrorMessage="1" sqref="L7 Q7 G7:G14">
      <formula1>"□,■"</formula1>
    </dataValidation>
  </dataValidations>
  <pageMargins left="0.7" right="0.7" top="0.75" bottom="0.75" header="0.3" footer="0.3"/>
  <pageSetup paperSize="9" scale="92" orientation="portrait" r:id="rId1"/>
  <rowBreaks count="2" manualBreakCount="2">
    <brk id="58" max="27" man="1"/>
    <brk id="649" max="16383" man="1"/>
  </row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F123"/>
  <sheetViews>
    <sheetView zoomScaleNormal="100" zoomScaleSheetLayoutView="130" workbookViewId="0">
      <selection activeCell="F61" sqref="F61"/>
    </sheetView>
  </sheetViews>
  <sheetFormatPr defaultColWidth="4" defaultRowHeight="13.5" x14ac:dyDescent="0.15"/>
  <cols>
    <col min="1" max="1" width="1.5" style="290" customWidth="1"/>
    <col min="2" max="2" width="2.375" style="290" customWidth="1"/>
    <col min="3" max="3" width="1.125" style="290" customWidth="1"/>
    <col min="4" max="20" width="4" style="290"/>
    <col min="21" max="21" width="2.375" style="290" customWidth="1"/>
    <col min="22" max="22" width="4" style="290"/>
    <col min="23" max="23" width="2.25" style="290" customWidth="1"/>
    <col min="24" max="24" width="4" style="290"/>
    <col min="25" max="25" width="2.375" style="290" customWidth="1"/>
    <col min="26" max="26" width="1.5" style="290" customWidth="1"/>
    <col min="27" max="16384" width="4" style="290"/>
  </cols>
  <sheetData>
    <row r="2" spans="2:25" x14ac:dyDescent="0.15">
      <c r="B2" s="290" t="s">
        <v>909</v>
      </c>
      <c r="C2"/>
      <c r="D2"/>
      <c r="E2"/>
      <c r="F2"/>
      <c r="G2"/>
      <c r="H2"/>
      <c r="I2"/>
      <c r="J2"/>
      <c r="K2"/>
      <c r="L2"/>
      <c r="M2"/>
      <c r="N2"/>
      <c r="O2"/>
      <c r="P2"/>
      <c r="Q2"/>
      <c r="R2"/>
      <c r="S2"/>
      <c r="T2"/>
      <c r="U2"/>
      <c r="V2"/>
      <c r="W2"/>
      <c r="X2"/>
      <c r="Y2"/>
    </row>
    <row r="4" spans="2:25" x14ac:dyDescent="0.15">
      <c r="B4" s="392" t="s">
        <v>222</v>
      </c>
      <c r="C4" s="392"/>
      <c r="D4" s="392"/>
      <c r="E4" s="392"/>
      <c r="F4" s="392"/>
      <c r="G4" s="392"/>
      <c r="H4" s="392"/>
      <c r="I4" s="392"/>
      <c r="J4" s="392"/>
      <c r="K4" s="392"/>
      <c r="L4" s="392"/>
      <c r="M4" s="392"/>
      <c r="N4" s="392"/>
      <c r="O4" s="392"/>
      <c r="P4" s="392"/>
      <c r="Q4" s="392"/>
      <c r="R4" s="392"/>
      <c r="S4" s="392"/>
      <c r="T4" s="392"/>
      <c r="U4" s="392"/>
      <c r="V4" s="392"/>
      <c r="W4" s="392"/>
      <c r="X4" s="392"/>
      <c r="Y4" s="392"/>
    </row>
    <row r="6" spans="2:25" ht="23.25" customHeight="1" x14ac:dyDescent="0.15">
      <c r="B6" s="393" t="s">
        <v>115</v>
      </c>
      <c r="C6" s="393"/>
      <c r="D6" s="393"/>
      <c r="E6" s="393"/>
      <c r="F6" s="393"/>
      <c r="G6" s="394"/>
      <c r="H6" s="395"/>
      <c r="I6" s="395"/>
      <c r="J6" s="395"/>
      <c r="K6" s="395"/>
      <c r="L6" s="395"/>
      <c r="M6" s="395"/>
      <c r="N6" s="395"/>
      <c r="O6" s="395"/>
      <c r="P6" s="395"/>
      <c r="Q6" s="395"/>
      <c r="R6" s="395"/>
      <c r="S6" s="395"/>
      <c r="T6" s="395"/>
      <c r="U6" s="395"/>
      <c r="V6" s="395"/>
      <c r="W6" s="395"/>
      <c r="X6" s="395"/>
      <c r="Y6" s="396"/>
    </row>
    <row r="7" spans="2:25" ht="23.25" customHeight="1" x14ac:dyDescent="0.15">
      <c r="B7" s="393" t="s">
        <v>116</v>
      </c>
      <c r="C7" s="393"/>
      <c r="D7" s="393"/>
      <c r="E7" s="393"/>
      <c r="F7" s="393"/>
      <c r="G7" s="249" t="s">
        <v>0</v>
      </c>
      <c r="H7" s="315" t="s">
        <v>87</v>
      </c>
      <c r="I7" s="315"/>
      <c r="J7" s="315"/>
      <c r="K7" s="315"/>
      <c r="L7" s="272" t="s">
        <v>0</v>
      </c>
      <c r="M7" s="315" t="s">
        <v>88</v>
      </c>
      <c r="N7" s="315"/>
      <c r="O7" s="315"/>
      <c r="P7" s="315"/>
      <c r="Q7" s="272" t="s">
        <v>0</v>
      </c>
      <c r="R7" s="315" t="s">
        <v>89</v>
      </c>
      <c r="S7" s="315"/>
      <c r="T7" s="315"/>
      <c r="U7" s="315"/>
      <c r="V7" s="315"/>
      <c r="W7" s="286"/>
      <c r="X7" s="286"/>
      <c r="Y7" s="287"/>
    </row>
    <row r="8" spans="2:25" ht="20.100000000000001" customHeight="1" x14ac:dyDescent="0.15">
      <c r="B8" s="401" t="s">
        <v>117</v>
      </c>
      <c r="C8" s="402"/>
      <c r="D8" s="402"/>
      <c r="E8" s="402"/>
      <c r="F8" s="403"/>
      <c r="G8" s="272" t="s">
        <v>0</v>
      </c>
      <c r="H8" s="297" t="s">
        <v>118</v>
      </c>
      <c r="I8" s="265"/>
      <c r="J8" s="265"/>
      <c r="K8" s="265"/>
      <c r="L8" s="265"/>
      <c r="M8" s="265"/>
      <c r="N8" s="265"/>
      <c r="O8" s="265"/>
      <c r="P8" s="265"/>
      <c r="Q8" s="265"/>
      <c r="R8" s="265"/>
      <c r="S8" s="265"/>
      <c r="T8" s="265"/>
      <c r="U8" s="265"/>
      <c r="V8" s="265"/>
      <c r="W8" s="265"/>
      <c r="X8" s="265"/>
      <c r="Y8" s="266"/>
    </row>
    <row r="9" spans="2:25" ht="20.100000000000001" customHeight="1" x14ac:dyDescent="0.15">
      <c r="B9" s="421"/>
      <c r="C9" s="392"/>
      <c r="D9" s="392"/>
      <c r="E9" s="392"/>
      <c r="F9" s="422"/>
      <c r="G9" s="272" t="s">
        <v>0</v>
      </c>
      <c r="H9" s="290" t="s">
        <v>119</v>
      </c>
      <c r="I9" s="274"/>
      <c r="J9" s="274"/>
      <c r="K9" s="274"/>
      <c r="L9" s="274"/>
      <c r="M9" s="274"/>
      <c r="N9" s="274"/>
      <c r="O9" s="274"/>
      <c r="P9" s="274"/>
      <c r="Q9" s="274"/>
      <c r="R9" s="274"/>
      <c r="S9" s="274"/>
      <c r="T9" s="274"/>
      <c r="U9" s="274"/>
      <c r="V9" s="274"/>
      <c r="W9" s="274"/>
      <c r="X9" s="274"/>
      <c r="Y9" s="275"/>
    </row>
    <row r="10" spans="2:25" ht="20.100000000000001" customHeight="1" x14ac:dyDescent="0.15">
      <c r="B10" s="404"/>
      <c r="C10" s="405"/>
      <c r="D10" s="405"/>
      <c r="E10" s="405"/>
      <c r="F10" s="406"/>
      <c r="G10" s="255" t="s">
        <v>0</v>
      </c>
      <c r="H10" s="259" t="s">
        <v>208</v>
      </c>
      <c r="I10" s="269"/>
      <c r="J10" s="269"/>
      <c r="K10" s="269"/>
      <c r="L10" s="269"/>
      <c r="M10" s="269"/>
      <c r="N10" s="269"/>
      <c r="O10" s="269"/>
      <c r="P10" s="269"/>
      <c r="Q10" s="269"/>
      <c r="R10" s="269"/>
      <c r="S10" s="269"/>
      <c r="T10" s="269"/>
      <c r="U10" s="269"/>
      <c r="V10" s="269"/>
      <c r="W10" s="269"/>
      <c r="X10" s="269"/>
      <c r="Y10" s="270"/>
    </row>
    <row r="11" spans="2:25" ht="23.25" customHeight="1" x14ac:dyDescent="0.15">
      <c r="B11" s="393" t="s">
        <v>223</v>
      </c>
      <c r="C11" s="393"/>
      <c r="D11" s="393"/>
      <c r="E11" s="393"/>
      <c r="F11" s="393"/>
      <c r="G11" s="394" t="s">
        <v>224</v>
      </c>
      <c r="H11" s="395"/>
      <c r="I11" s="395"/>
      <c r="J11" s="395"/>
      <c r="K11" s="395"/>
      <c r="L11" s="395"/>
      <c r="M11" s="395"/>
      <c r="N11" s="395"/>
      <c r="O11" s="395"/>
      <c r="P11" s="395"/>
      <c r="Q11" s="395"/>
      <c r="R11" s="395"/>
      <c r="S11" s="395"/>
      <c r="T11" s="395"/>
      <c r="U11" s="395"/>
      <c r="V11" s="395"/>
      <c r="W11" s="395"/>
      <c r="X11" s="395"/>
      <c r="Y11" s="396"/>
    </row>
    <row r="12" spans="2:25" ht="20.100000000000001" customHeight="1" x14ac:dyDescent="0.15">
      <c r="B12" s="272"/>
      <c r="C12" s="272"/>
      <c r="D12" s="272"/>
      <c r="E12" s="272"/>
      <c r="F12" s="272"/>
      <c r="G12" s="272"/>
      <c r="I12" s="274"/>
      <c r="J12" s="274"/>
      <c r="K12" s="274"/>
      <c r="L12" s="274"/>
      <c r="M12" s="274"/>
      <c r="N12" s="274"/>
      <c r="O12" s="274"/>
      <c r="P12" s="274"/>
      <c r="Q12" s="274"/>
      <c r="R12" s="274"/>
      <c r="S12" s="274"/>
      <c r="T12" s="274"/>
      <c r="U12" s="274"/>
      <c r="V12" s="274"/>
      <c r="W12" s="274"/>
      <c r="X12" s="274"/>
      <c r="Y12" s="274"/>
    </row>
    <row r="14" spans="2:25" x14ac:dyDescent="0.15">
      <c r="B14" s="296"/>
      <c r="C14" s="297"/>
      <c r="D14" s="297"/>
      <c r="E14" s="297"/>
      <c r="F14" s="297"/>
      <c r="G14" s="297"/>
      <c r="H14" s="297"/>
      <c r="I14" s="297"/>
      <c r="J14" s="297"/>
      <c r="K14" s="297"/>
      <c r="L14" s="297"/>
      <c r="M14" s="297"/>
      <c r="N14" s="297"/>
      <c r="O14" s="297"/>
      <c r="P14" s="297"/>
      <c r="Q14" s="297"/>
      <c r="R14" s="297"/>
      <c r="S14" s="297"/>
      <c r="T14" s="297"/>
      <c r="U14" s="297"/>
      <c r="V14" s="297"/>
      <c r="W14" s="297"/>
      <c r="X14" s="297"/>
      <c r="Y14" s="298"/>
    </row>
    <row r="15" spans="2:25" x14ac:dyDescent="0.15">
      <c r="B15" s="295" t="s">
        <v>225</v>
      </c>
      <c r="Y15" s="294"/>
    </row>
    <row r="16" spans="2:25" x14ac:dyDescent="0.15">
      <c r="B16" s="295"/>
      <c r="Y16" s="294"/>
    </row>
    <row r="17" spans="2:28" x14ac:dyDescent="0.15">
      <c r="B17" s="295"/>
      <c r="C17" s="290" t="s">
        <v>226</v>
      </c>
      <c r="K17" s="2"/>
      <c r="L17" s="2"/>
      <c r="Y17" s="294"/>
    </row>
    <row r="18" spans="2:28" ht="6.75" customHeight="1" x14ac:dyDescent="0.15">
      <c r="B18" s="295"/>
      <c r="Y18" s="294"/>
    </row>
    <row r="19" spans="2:28" ht="17.25" customHeight="1" x14ac:dyDescent="0.15">
      <c r="B19" s="295"/>
      <c r="D19" s="398" t="s">
        <v>216</v>
      </c>
      <c r="E19" s="399"/>
      <c r="F19" s="399"/>
      <c r="G19" s="399"/>
      <c r="H19" s="399"/>
      <c r="I19" s="399"/>
      <c r="J19" s="399"/>
      <c r="K19" s="399"/>
      <c r="L19" s="399"/>
      <c r="M19" s="400"/>
      <c r="N19" s="398" t="s">
        <v>216</v>
      </c>
      <c r="O19" s="399"/>
      <c r="P19" s="399"/>
      <c r="Q19" s="399"/>
      <c r="R19" s="399"/>
      <c r="S19" s="399"/>
      <c r="T19" s="399"/>
      <c r="U19" s="399"/>
      <c r="V19" s="399"/>
      <c r="W19" s="399"/>
      <c r="X19" s="400"/>
      <c r="Y19" s="294"/>
    </row>
    <row r="20" spans="2:28" ht="26.25" customHeight="1" x14ac:dyDescent="0.15">
      <c r="B20" s="295"/>
      <c r="D20" s="398"/>
      <c r="E20" s="399"/>
      <c r="F20" s="399"/>
      <c r="G20" s="399"/>
      <c r="H20" s="399"/>
      <c r="I20" s="399"/>
      <c r="J20" s="399"/>
      <c r="K20" s="399"/>
      <c r="L20" s="399"/>
      <c r="M20" s="400"/>
      <c r="N20" s="398"/>
      <c r="O20" s="399"/>
      <c r="P20" s="399"/>
      <c r="Q20" s="399"/>
      <c r="R20" s="399"/>
      <c r="S20" s="399"/>
      <c r="T20" s="399"/>
      <c r="U20" s="399"/>
      <c r="V20" s="399"/>
      <c r="W20" s="399"/>
      <c r="X20" s="400"/>
      <c r="Y20" s="294"/>
    </row>
    <row r="21" spans="2:28" x14ac:dyDescent="0.15">
      <c r="B21" s="295"/>
      <c r="M21" s="272"/>
      <c r="R21" s="272"/>
      <c r="X21" s="272"/>
      <c r="Y21" s="294"/>
      <c r="Z21"/>
      <c r="AA21"/>
      <c r="AB21"/>
    </row>
    <row r="22" spans="2:28" x14ac:dyDescent="0.15">
      <c r="B22" s="299"/>
      <c r="C22" s="259"/>
      <c r="D22" s="259"/>
      <c r="E22" s="259"/>
      <c r="F22" s="259"/>
      <c r="G22" s="259"/>
      <c r="H22" s="259"/>
      <c r="I22" s="259"/>
      <c r="J22" s="259"/>
      <c r="K22" s="259"/>
      <c r="L22" s="259"/>
      <c r="M22" s="259"/>
      <c r="N22" s="259"/>
      <c r="O22" s="259"/>
      <c r="P22" s="259"/>
      <c r="Q22" s="259"/>
      <c r="R22" s="259"/>
      <c r="S22" s="259"/>
      <c r="T22" s="259"/>
      <c r="U22" s="259"/>
      <c r="V22" s="259"/>
      <c r="W22" s="259"/>
      <c r="X22" s="259"/>
      <c r="Y22" s="300"/>
      <c r="Z22"/>
      <c r="AA22"/>
      <c r="AB22"/>
    </row>
    <row r="23" spans="2:28" x14ac:dyDescent="0.15">
      <c r="Z23"/>
      <c r="AA23"/>
      <c r="AB23"/>
    </row>
    <row r="25" spans="2:28" x14ac:dyDescent="0.15">
      <c r="B25" s="290" t="s">
        <v>1051</v>
      </c>
    </row>
    <row r="26" spans="2:28" x14ac:dyDescent="0.15">
      <c r="B26" s="290" t="s">
        <v>220</v>
      </c>
      <c r="D26" s="290" t="s">
        <v>1052</v>
      </c>
      <c r="K26"/>
      <c r="L26"/>
      <c r="M26"/>
      <c r="N26"/>
      <c r="O26"/>
      <c r="P26"/>
      <c r="Q26"/>
      <c r="R26"/>
      <c r="S26"/>
      <c r="T26"/>
      <c r="U26"/>
      <c r="V26"/>
      <c r="W26"/>
      <c r="X26"/>
      <c r="Y26"/>
      <c r="Z26"/>
      <c r="AA26"/>
      <c r="AB26"/>
    </row>
    <row r="38" spans="3:32" x14ac:dyDescent="0.15">
      <c r="C38" s="259"/>
      <c r="D38" s="259"/>
      <c r="E38" s="259"/>
      <c r="F38" s="259"/>
      <c r="G38" s="259"/>
      <c r="H38" s="259"/>
      <c r="I38" s="259"/>
      <c r="J38" s="259"/>
      <c r="K38" s="259"/>
      <c r="L38" s="259"/>
      <c r="M38" s="259"/>
      <c r="N38" s="259"/>
      <c r="O38" s="259"/>
      <c r="P38" s="259"/>
      <c r="Q38" s="259"/>
      <c r="R38" s="259"/>
      <c r="S38" s="259"/>
      <c r="T38" s="259"/>
      <c r="U38" s="259"/>
      <c r="V38" s="259"/>
      <c r="W38" s="259"/>
      <c r="X38" s="259"/>
      <c r="Y38" s="259"/>
      <c r="Z38" s="259"/>
      <c r="AA38" s="259"/>
      <c r="AB38" s="259"/>
      <c r="AC38" s="259"/>
      <c r="AD38" s="259"/>
      <c r="AE38" s="259"/>
      <c r="AF38" s="259"/>
    </row>
    <row r="39" spans="3:32" x14ac:dyDescent="0.15">
      <c r="C39" s="297"/>
    </row>
    <row r="122" spans="3:7" x14ac:dyDescent="0.15">
      <c r="C122" s="259"/>
      <c r="D122" s="259"/>
      <c r="E122" s="259"/>
      <c r="F122" s="259"/>
      <c r="G122" s="259"/>
    </row>
    <row r="123" spans="3:7" x14ac:dyDescent="0.15">
      <c r="C123" s="297"/>
    </row>
  </sheetData>
  <mergeCells count="11">
    <mergeCell ref="D19:M19"/>
    <mergeCell ref="N19:X19"/>
    <mergeCell ref="D20:M20"/>
    <mergeCell ref="N20:X20"/>
    <mergeCell ref="B4:Y4"/>
    <mergeCell ref="B6:F6"/>
    <mergeCell ref="G6:Y6"/>
    <mergeCell ref="B7:F7"/>
    <mergeCell ref="B8:F10"/>
    <mergeCell ref="B11:F11"/>
    <mergeCell ref="G11:Y11"/>
  </mergeCells>
  <phoneticPr fontId="1"/>
  <dataValidations count="1">
    <dataValidation type="list" allowBlank="1" showInputMessage="1" showErrorMessage="1" sqref="L7 Q7 G7:G10 G12">
      <formula1>"□,■"</formula1>
    </dataValidation>
  </dataValidations>
  <pageMargins left="0.7" right="0.7" top="0.75" bottom="0.75" header="0.3" footer="0.3"/>
  <pageSetup paperSize="9" scale="92" orientation="portrait"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F123"/>
  <sheetViews>
    <sheetView zoomScaleNormal="100" workbookViewId="0">
      <selection activeCell="F61" sqref="F61"/>
    </sheetView>
  </sheetViews>
  <sheetFormatPr defaultColWidth="4" defaultRowHeight="13.5" x14ac:dyDescent="0.15"/>
  <cols>
    <col min="1" max="1" width="1.5" style="290" customWidth="1"/>
    <col min="2" max="2" width="3.125" style="290" customWidth="1"/>
    <col min="3" max="3" width="1.125" style="290" customWidth="1"/>
    <col min="4" max="19" width="4" style="290"/>
    <col min="20" max="20" width="3.125" style="290" customWidth="1"/>
    <col min="21" max="21" width="2.375" style="290" customWidth="1"/>
    <col min="22" max="22" width="4" style="290"/>
    <col min="23" max="23" width="2.25" style="290" customWidth="1"/>
    <col min="24" max="24" width="4" style="290"/>
    <col min="25" max="25" width="2.375" style="290" customWidth="1"/>
    <col min="26" max="26" width="1.5" style="290" customWidth="1"/>
    <col min="27" max="16384" width="4" style="290"/>
  </cols>
  <sheetData>
    <row r="2" spans="2:27" x14ac:dyDescent="0.15">
      <c r="B2" s="290" t="s">
        <v>640</v>
      </c>
      <c r="C2"/>
      <c r="D2"/>
      <c r="E2"/>
      <c r="F2"/>
      <c r="G2"/>
      <c r="H2"/>
      <c r="I2"/>
      <c r="J2"/>
      <c r="K2"/>
      <c r="L2"/>
      <c r="M2"/>
      <c r="N2"/>
      <c r="O2"/>
      <c r="P2"/>
      <c r="Q2"/>
      <c r="R2"/>
      <c r="S2"/>
      <c r="T2"/>
      <c r="U2"/>
      <c r="V2"/>
      <c r="W2"/>
      <c r="X2"/>
      <c r="Y2"/>
    </row>
    <row r="4" spans="2:27" ht="34.5" customHeight="1" x14ac:dyDescent="0.15">
      <c r="B4" s="528" t="s">
        <v>625</v>
      </c>
      <c r="C4" s="392"/>
      <c r="D4" s="392"/>
      <c r="E4" s="392"/>
      <c r="F4" s="392"/>
      <c r="G4" s="392"/>
      <c r="H4" s="392"/>
      <c r="I4" s="392"/>
      <c r="J4" s="392"/>
      <c r="K4" s="392"/>
      <c r="L4" s="392"/>
      <c r="M4" s="392"/>
      <c r="N4" s="392"/>
      <c r="O4" s="392"/>
      <c r="P4" s="392"/>
      <c r="Q4" s="392"/>
      <c r="R4" s="392"/>
      <c r="S4" s="392"/>
      <c r="T4" s="392"/>
      <c r="U4" s="392"/>
      <c r="V4" s="392"/>
      <c r="W4" s="392"/>
      <c r="X4" s="392"/>
      <c r="Y4" s="392"/>
    </row>
    <row r="5" spans="2:27" ht="13.5" customHeight="1" x14ac:dyDescent="0.15"/>
    <row r="6" spans="2:27" ht="24" customHeight="1" x14ac:dyDescent="0.15">
      <c r="B6" s="393" t="s">
        <v>115</v>
      </c>
      <c r="C6" s="393"/>
      <c r="D6" s="393"/>
      <c r="E6" s="393"/>
      <c r="F6" s="393"/>
      <c r="G6" s="394"/>
      <c r="H6" s="395"/>
      <c r="I6" s="395"/>
      <c r="J6" s="395"/>
      <c r="K6" s="395"/>
      <c r="L6" s="395"/>
      <c r="M6" s="395"/>
      <c r="N6" s="395"/>
      <c r="O6" s="395"/>
      <c r="P6" s="395"/>
      <c r="Q6" s="395"/>
      <c r="R6" s="395"/>
      <c r="S6" s="395"/>
      <c r="T6" s="395"/>
      <c r="U6" s="395"/>
      <c r="V6" s="395"/>
      <c r="W6" s="395"/>
      <c r="X6" s="395"/>
      <c r="Y6" s="396"/>
    </row>
    <row r="7" spans="2:27" ht="24" customHeight="1" x14ac:dyDescent="0.15">
      <c r="B7" s="393" t="s">
        <v>116</v>
      </c>
      <c r="C7" s="393"/>
      <c r="D7" s="393"/>
      <c r="E7" s="393"/>
      <c r="F7" s="393"/>
      <c r="G7" s="249" t="s">
        <v>0</v>
      </c>
      <c r="H7" s="315" t="s">
        <v>87</v>
      </c>
      <c r="I7" s="315"/>
      <c r="J7" s="315"/>
      <c r="K7" s="315"/>
      <c r="L7" s="272" t="s">
        <v>0</v>
      </c>
      <c r="M7" s="315" t="s">
        <v>88</v>
      </c>
      <c r="N7" s="315"/>
      <c r="O7" s="315"/>
      <c r="P7" s="315"/>
      <c r="Q7" s="272" t="s">
        <v>0</v>
      </c>
      <c r="R7" s="315" t="s">
        <v>89</v>
      </c>
      <c r="S7" s="315"/>
      <c r="T7" s="315"/>
      <c r="U7" s="315"/>
      <c r="V7" s="315"/>
      <c r="W7" s="286"/>
      <c r="X7" s="286"/>
      <c r="Y7" s="287"/>
    </row>
    <row r="8" spans="2:27" ht="21.95" customHeight="1" x14ac:dyDescent="0.15">
      <c r="B8" s="401" t="s">
        <v>256</v>
      </c>
      <c r="C8" s="402"/>
      <c r="D8" s="402"/>
      <c r="E8" s="402"/>
      <c r="F8" s="403"/>
      <c r="G8" s="272" t="s">
        <v>0</v>
      </c>
      <c r="H8" s="297" t="s">
        <v>626</v>
      </c>
      <c r="I8" s="265"/>
      <c r="J8" s="265"/>
      <c r="K8" s="265"/>
      <c r="L8" s="265"/>
      <c r="M8" s="265"/>
      <c r="N8" s="265"/>
      <c r="O8" s="265"/>
      <c r="P8" s="265"/>
      <c r="Q8" s="265"/>
      <c r="R8" s="265"/>
      <c r="S8" s="265"/>
      <c r="T8" s="265"/>
      <c r="U8" s="265"/>
      <c r="V8" s="265"/>
      <c r="W8" s="265"/>
      <c r="X8" s="265"/>
      <c r="Y8" s="266"/>
    </row>
    <row r="9" spans="2:27" ht="21.95" customHeight="1" x14ac:dyDescent="0.15">
      <c r="B9" s="421"/>
      <c r="C9" s="392"/>
      <c r="D9" s="392"/>
      <c r="E9" s="392"/>
      <c r="F9" s="422"/>
      <c r="G9" s="272" t="s">
        <v>0</v>
      </c>
      <c r="H9" s="290" t="s">
        <v>627</v>
      </c>
      <c r="I9" s="274"/>
      <c r="J9" s="274"/>
      <c r="K9" s="274"/>
      <c r="L9" s="274"/>
      <c r="M9" s="274"/>
      <c r="N9" s="274"/>
      <c r="O9" s="274"/>
      <c r="P9" s="274"/>
      <c r="Q9" s="274"/>
      <c r="R9" s="274"/>
      <c r="S9" s="274"/>
      <c r="T9" s="274"/>
      <c r="U9" s="274"/>
      <c r="V9" s="274"/>
      <c r="W9" s="274"/>
      <c r="X9" s="274"/>
      <c r="Y9" s="275"/>
    </row>
    <row r="10" spans="2:27" ht="21.95" customHeight="1" x14ac:dyDescent="0.15">
      <c r="B10" s="404"/>
      <c r="C10" s="405"/>
      <c r="D10" s="405"/>
      <c r="E10" s="405"/>
      <c r="F10" s="406"/>
      <c r="G10" s="255" t="s">
        <v>0</v>
      </c>
      <c r="H10" s="259" t="s">
        <v>628</v>
      </c>
      <c r="I10" s="269"/>
      <c r="J10" s="269"/>
      <c r="K10" s="269"/>
      <c r="L10" s="269"/>
      <c r="M10" s="269"/>
      <c r="N10" s="269"/>
      <c r="O10" s="269"/>
      <c r="P10" s="269"/>
      <c r="Q10" s="269"/>
      <c r="R10" s="269"/>
      <c r="S10" s="269"/>
      <c r="T10" s="269"/>
      <c r="U10" s="269"/>
      <c r="V10" s="269"/>
      <c r="W10" s="269"/>
      <c r="X10" s="269"/>
      <c r="Y10" s="270"/>
    </row>
    <row r="11" spans="2:27" ht="13.5" customHeight="1" x14ac:dyDescent="0.15"/>
    <row r="12" spans="2:27" ht="12.95" customHeight="1" x14ac:dyDescent="0.15">
      <c r="B12" s="296"/>
      <c r="C12" s="297"/>
      <c r="D12" s="297"/>
      <c r="E12" s="297"/>
      <c r="F12" s="297"/>
      <c r="G12" s="297"/>
      <c r="H12" s="297"/>
      <c r="I12" s="297"/>
      <c r="J12" s="297"/>
      <c r="K12" s="297"/>
      <c r="L12" s="297"/>
      <c r="M12" s="297"/>
      <c r="N12" s="297"/>
      <c r="O12" s="297"/>
      <c r="P12" s="297"/>
      <c r="Q12" s="297"/>
      <c r="R12" s="297"/>
      <c r="S12" s="297"/>
      <c r="T12" s="298"/>
      <c r="U12" s="297"/>
      <c r="V12" s="297"/>
      <c r="W12" s="297"/>
      <c r="X12" s="297"/>
      <c r="Y12" s="298"/>
      <c r="Z12"/>
      <c r="AA12"/>
    </row>
    <row r="13" spans="2:27" ht="17.100000000000001" customHeight="1" x14ac:dyDescent="0.15">
      <c r="B13" s="186" t="s">
        <v>629</v>
      </c>
      <c r="C13" s="187"/>
      <c r="T13" s="294"/>
      <c r="V13" s="94" t="s">
        <v>94</v>
      </c>
      <c r="W13" s="94" t="s">
        <v>95</v>
      </c>
      <c r="X13" s="94" t="s">
        <v>96</v>
      </c>
      <c r="Y13" s="294"/>
      <c r="Z13"/>
      <c r="AA13"/>
    </row>
    <row r="14" spans="2:27" ht="17.100000000000001" customHeight="1" x14ac:dyDescent="0.15">
      <c r="B14" s="295"/>
      <c r="T14" s="294"/>
      <c r="Y14" s="294"/>
      <c r="Z14"/>
      <c r="AA14"/>
    </row>
    <row r="15" spans="2:27" ht="21.95" customHeight="1" x14ac:dyDescent="0.15">
      <c r="B15" s="295"/>
      <c r="C15" s="526" t="s">
        <v>630</v>
      </c>
      <c r="D15" s="527"/>
      <c r="E15" s="527"/>
      <c r="F15" s="285" t="s">
        <v>180</v>
      </c>
      <c r="G15" s="450" t="s">
        <v>631</v>
      </c>
      <c r="H15" s="450"/>
      <c r="I15" s="450"/>
      <c r="J15" s="450"/>
      <c r="K15" s="450"/>
      <c r="L15" s="450"/>
      <c r="M15" s="450"/>
      <c r="N15" s="450"/>
      <c r="O15" s="450"/>
      <c r="P15" s="450"/>
      <c r="Q15" s="450"/>
      <c r="R15" s="450"/>
      <c r="S15" s="450"/>
      <c r="T15" s="294"/>
      <c r="V15" s="272" t="s">
        <v>0</v>
      </c>
      <c r="W15" s="272" t="s">
        <v>95</v>
      </c>
      <c r="X15" s="272" t="s">
        <v>0</v>
      </c>
      <c r="Y15" s="294"/>
      <c r="Z15"/>
      <c r="AA15"/>
    </row>
    <row r="16" spans="2:27" ht="49.5" customHeight="1" x14ac:dyDescent="0.15">
      <c r="B16" s="295"/>
      <c r="C16" s="527"/>
      <c r="D16" s="527"/>
      <c r="E16" s="527"/>
      <c r="F16" s="285" t="s">
        <v>182</v>
      </c>
      <c r="G16" s="449" t="s">
        <v>632</v>
      </c>
      <c r="H16" s="449"/>
      <c r="I16" s="449"/>
      <c r="J16" s="449"/>
      <c r="K16" s="449"/>
      <c r="L16" s="449"/>
      <c r="M16" s="449"/>
      <c r="N16" s="449"/>
      <c r="O16" s="449"/>
      <c r="P16" s="449"/>
      <c r="Q16" s="449"/>
      <c r="R16" s="449"/>
      <c r="S16" s="449"/>
      <c r="T16" s="294"/>
      <c r="V16" s="272" t="s">
        <v>0</v>
      </c>
      <c r="W16" s="272" t="s">
        <v>95</v>
      </c>
      <c r="X16" s="272" t="s">
        <v>0</v>
      </c>
      <c r="Y16" s="294"/>
      <c r="Z16"/>
      <c r="AA16"/>
    </row>
    <row r="17" spans="2:27" ht="21.95" customHeight="1" x14ac:dyDescent="0.15">
      <c r="B17" s="295"/>
      <c r="C17" s="527"/>
      <c r="D17" s="527"/>
      <c r="E17" s="527"/>
      <c r="F17" s="285" t="s">
        <v>264</v>
      </c>
      <c r="G17" s="450" t="s">
        <v>633</v>
      </c>
      <c r="H17" s="450"/>
      <c r="I17" s="450"/>
      <c r="J17" s="450"/>
      <c r="K17" s="450"/>
      <c r="L17" s="450"/>
      <c r="M17" s="450"/>
      <c r="N17" s="450"/>
      <c r="O17" s="450"/>
      <c r="P17" s="450"/>
      <c r="Q17" s="450"/>
      <c r="R17" s="450"/>
      <c r="S17" s="450"/>
      <c r="T17" s="294"/>
      <c r="V17" s="272" t="s">
        <v>0</v>
      </c>
      <c r="W17" s="272" t="s">
        <v>95</v>
      </c>
      <c r="X17" s="272" t="s">
        <v>0</v>
      </c>
      <c r="Y17" s="294"/>
      <c r="Z17"/>
      <c r="AA17"/>
    </row>
    <row r="18" spans="2:27" ht="17.100000000000001" customHeight="1" x14ac:dyDescent="0.15">
      <c r="B18" s="295"/>
      <c r="C18" s="2"/>
      <c r="D18" s="2"/>
      <c r="E18" s="2"/>
      <c r="T18" s="294"/>
      <c r="Y18" s="294"/>
      <c r="Z18"/>
      <c r="AA18"/>
    </row>
    <row r="19" spans="2:27" ht="21.95" customHeight="1" x14ac:dyDescent="0.15">
      <c r="B19" s="295"/>
      <c r="C19" s="529" t="s">
        <v>634</v>
      </c>
      <c r="D19" s="530"/>
      <c r="E19" s="530"/>
      <c r="F19" s="285" t="s">
        <v>180</v>
      </c>
      <c r="G19" s="450" t="s">
        <v>635</v>
      </c>
      <c r="H19" s="450"/>
      <c r="I19" s="450"/>
      <c r="J19" s="450"/>
      <c r="K19" s="450"/>
      <c r="L19" s="450"/>
      <c r="M19" s="450"/>
      <c r="N19" s="450"/>
      <c r="O19" s="450"/>
      <c r="P19" s="450"/>
      <c r="Q19" s="450"/>
      <c r="R19" s="450"/>
      <c r="S19" s="450"/>
      <c r="T19" s="294"/>
      <c r="V19" s="272" t="s">
        <v>0</v>
      </c>
      <c r="W19" s="272" t="s">
        <v>95</v>
      </c>
      <c r="X19" s="272" t="s">
        <v>0</v>
      </c>
      <c r="Y19" s="294"/>
      <c r="Z19"/>
      <c r="AA19"/>
    </row>
    <row r="20" spans="2:27" ht="49.5" customHeight="1" x14ac:dyDescent="0.15">
      <c r="B20" s="295"/>
      <c r="C20" s="530"/>
      <c r="D20" s="530"/>
      <c r="E20" s="530"/>
      <c r="F20" s="285" t="s">
        <v>182</v>
      </c>
      <c r="G20" s="449" t="s">
        <v>636</v>
      </c>
      <c r="H20" s="449"/>
      <c r="I20" s="449"/>
      <c r="J20" s="449"/>
      <c r="K20" s="449"/>
      <c r="L20" s="449"/>
      <c r="M20" s="449"/>
      <c r="N20" s="449"/>
      <c r="O20" s="449"/>
      <c r="P20" s="449"/>
      <c r="Q20" s="449"/>
      <c r="R20" s="449"/>
      <c r="S20" s="449"/>
      <c r="T20" s="294"/>
      <c r="V20" s="272" t="s">
        <v>0</v>
      </c>
      <c r="W20" s="272" t="s">
        <v>95</v>
      </c>
      <c r="X20" s="272" t="s">
        <v>0</v>
      </c>
      <c r="Y20" s="294"/>
      <c r="Z20"/>
      <c r="AA20"/>
    </row>
    <row r="21" spans="2:27" ht="21.95" customHeight="1" x14ac:dyDescent="0.15">
      <c r="B21" s="295"/>
      <c r="C21" s="530"/>
      <c r="D21" s="530"/>
      <c r="E21" s="530"/>
      <c r="F21" s="285" t="s">
        <v>264</v>
      </c>
      <c r="G21" s="450" t="s">
        <v>633</v>
      </c>
      <c r="H21" s="450"/>
      <c r="I21" s="450"/>
      <c r="J21" s="450"/>
      <c r="K21" s="450"/>
      <c r="L21" s="450"/>
      <c r="M21" s="450"/>
      <c r="N21" s="450"/>
      <c r="O21" s="450"/>
      <c r="P21" s="450"/>
      <c r="Q21" s="450"/>
      <c r="R21" s="450"/>
      <c r="S21" s="450"/>
      <c r="T21" s="294"/>
      <c r="V21" s="272" t="s">
        <v>0</v>
      </c>
      <c r="W21" s="272" t="s">
        <v>95</v>
      </c>
      <c r="X21" s="272" t="s">
        <v>0</v>
      </c>
      <c r="Y21" s="294"/>
      <c r="Z21"/>
      <c r="AA21"/>
    </row>
    <row r="22" spans="2:27" ht="17.100000000000001" customHeight="1" x14ac:dyDescent="0.15">
      <c r="B22" s="295"/>
      <c r="T22" s="294"/>
      <c r="Y22" s="294"/>
      <c r="Z22"/>
      <c r="AA22"/>
    </row>
    <row r="23" spans="2:27" ht="21.95" customHeight="1" x14ac:dyDescent="0.15">
      <c r="B23" s="295"/>
      <c r="C23" s="526" t="s">
        <v>637</v>
      </c>
      <c r="D23" s="527"/>
      <c r="E23" s="527"/>
      <c r="F23" s="285" t="s">
        <v>180</v>
      </c>
      <c r="G23" s="450" t="s">
        <v>638</v>
      </c>
      <c r="H23" s="450"/>
      <c r="I23" s="450"/>
      <c r="J23" s="450"/>
      <c r="K23" s="450"/>
      <c r="L23" s="450"/>
      <c r="M23" s="450"/>
      <c r="N23" s="450"/>
      <c r="O23" s="450"/>
      <c r="P23" s="450"/>
      <c r="Q23" s="450"/>
      <c r="R23" s="450"/>
      <c r="S23" s="450"/>
      <c r="T23" s="294"/>
      <c r="V23" s="272" t="s">
        <v>0</v>
      </c>
      <c r="W23" s="272" t="s">
        <v>95</v>
      </c>
      <c r="X23" s="272" t="s">
        <v>0</v>
      </c>
      <c r="Y23" s="294"/>
      <c r="Z23"/>
      <c r="AA23"/>
    </row>
    <row r="24" spans="2:27" ht="21.95" customHeight="1" x14ac:dyDescent="0.15">
      <c r="B24" s="295"/>
      <c r="C24" s="527"/>
      <c r="D24" s="527"/>
      <c r="E24" s="527"/>
      <c r="F24" s="285" t="s">
        <v>182</v>
      </c>
      <c r="G24" s="449" t="s">
        <v>639</v>
      </c>
      <c r="H24" s="449"/>
      <c r="I24" s="449"/>
      <c r="J24" s="449"/>
      <c r="K24" s="449"/>
      <c r="L24" s="449"/>
      <c r="M24" s="449"/>
      <c r="N24" s="449"/>
      <c r="O24" s="449"/>
      <c r="P24" s="449"/>
      <c r="Q24" s="449"/>
      <c r="R24" s="449"/>
      <c r="S24" s="449"/>
      <c r="T24" s="294"/>
      <c r="V24" s="272" t="s">
        <v>0</v>
      </c>
      <c r="W24" s="272" t="s">
        <v>95</v>
      </c>
      <c r="X24" s="272" t="s">
        <v>0</v>
      </c>
      <c r="Y24" s="294"/>
      <c r="Z24"/>
      <c r="AA24"/>
    </row>
    <row r="25" spans="2:27" ht="21.95" customHeight="1" x14ac:dyDescent="0.15">
      <c r="B25" s="295"/>
      <c r="C25" s="527"/>
      <c r="D25" s="527"/>
      <c r="E25" s="527"/>
      <c r="F25" s="285" t="s">
        <v>264</v>
      </c>
      <c r="G25" s="450" t="s">
        <v>633</v>
      </c>
      <c r="H25" s="450"/>
      <c r="I25" s="450"/>
      <c r="J25" s="450"/>
      <c r="K25" s="450"/>
      <c r="L25" s="450"/>
      <c r="M25" s="450"/>
      <c r="N25" s="450"/>
      <c r="O25" s="450"/>
      <c r="P25" s="450"/>
      <c r="Q25" s="450"/>
      <c r="R25" s="450"/>
      <c r="S25" s="450"/>
      <c r="T25" s="294"/>
      <c r="V25" s="272" t="s">
        <v>0</v>
      </c>
      <c r="W25" s="272" t="s">
        <v>95</v>
      </c>
      <c r="X25" s="272" t="s">
        <v>0</v>
      </c>
      <c r="Y25" s="294"/>
      <c r="Z25"/>
      <c r="AA25"/>
    </row>
    <row r="26" spans="2:27" ht="12.95" customHeight="1" x14ac:dyDescent="0.15">
      <c r="B26" s="299"/>
      <c r="C26" s="259"/>
      <c r="D26" s="259"/>
      <c r="E26" s="259"/>
      <c r="F26" s="259"/>
      <c r="G26" s="259"/>
      <c r="H26" s="259"/>
      <c r="I26" s="259"/>
      <c r="J26" s="259"/>
      <c r="K26" s="259"/>
      <c r="L26" s="259"/>
      <c r="M26" s="259"/>
      <c r="N26" s="259"/>
      <c r="O26" s="259"/>
      <c r="P26" s="259"/>
      <c r="Q26" s="259"/>
      <c r="R26" s="259"/>
      <c r="S26" s="259"/>
      <c r="T26" s="300"/>
      <c r="U26" s="259"/>
      <c r="V26" s="259"/>
      <c r="W26" s="259"/>
      <c r="X26" s="259"/>
      <c r="Y26" s="300"/>
    </row>
    <row r="28" spans="2:27" x14ac:dyDescent="0.15">
      <c r="B28" s="290" t="s">
        <v>280</v>
      </c>
    </row>
    <row r="29" spans="2:27" x14ac:dyDescent="0.15">
      <c r="B29" s="290" t="s">
        <v>281</v>
      </c>
      <c r="K29"/>
      <c r="L29"/>
      <c r="M29"/>
      <c r="N29"/>
      <c r="O29"/>
      <c r="P29"/>
      <c r="Q29"/>
      <c r="R29"/>
      <c r="S29"/>
      <c r="T29"/>
      <c r="U29"/>
      <c r="V29"/>
      <c r="W29"/>
      <c r="X29"/>
      <c r="Y29"/>
      <c r="Z29"/>
      <c r="AA29"/>
    </row>
    <row r="38" spans="3:32" x14ac:dyDescent="0.15">
      <c r="C38" s="259"/>
      <c r="D38" s="259"/>
      <c r="E38" s="259"/>
      <c r="F38" s="259"/>
      <c r="G38" s="259"/>
      <c r="H38" s="259"/>
      <c r="I38" s="259"/>
      <c r="J38" s="259"/>
      <c r="K38" s="259"/>
      <c r="L38" s="259"/>
      <c r="M38" s="259"/>
      <c r="N38" s="259"/>
      <c r="O38" s="259"/>
      <c r="P38" s="259"/>
      <c r="Q38" s="259"/>
      <c r="R38" s="259"/>
      <c r="S38" s="259"/>
      <c r="T38" s="259"/>
      <c r="U38" s="259"/>
      <c r="V38" s="259"/>
      <c r="W38" s="259"/>
      <c r="X38" s="259"/>
      <c r="Y38" s="259"/>
      <c r="Z38" s="259"/>
      <c r="AA38" s="259"/>
      <c r="AB38" s="259"/>
      <c r="AC38" s="259"/>
      <c r="AD38" s="259"/>
      <c r="AE38" s="259"/>
      <c r="AF38" s="259"/>
    </row>
    <row r="39" spans="3:32" x14ac:dyDescent="0.15">
      <c r="C39" s="297"/>
    </row>
    <row r="122" spans="3:7" x14ac:dyDescent="0.15">
      <c r="C122" s="259"/>
      <c r="D122" s="259"/>
      <c r="E122" s="259"/>
      <c r="F122" s="259"/>
      <c r="G122" s="259"/>
    </row>
    <row r="123" spans="3:7" x14ac:dyDescent="0.15">
      <c r="C123" s="297"/>
    </row>
  </sheetData>
  <mergeCells count="17">
    <mergeCell ref="C19:E21"/>
    <mergeCell ref="G19:S19"/>
    <mergeCell ref="G20:S20"/>
    <mergeCell ref="G21:S21"/>
    <mergeCell ref="C23:E25"/>
    <mergeCell ref="G23:S23"/>
    <mergeCell ref="G24:S24"/>
    <mergeCell ref="G25:S25"/>
    <mergeCell ref="C15:E17"/>
    <mergeCell ref="G15:S15"/>
    <mergeCell ref="G16:S16"/>
    <mergeCell ref="G17:S17"/>
    <mergeCell ref="B4:Y4"/>
    <mergeCell ref="B6:F6"/>
    <mergeCell ref="G6:Y6"/>
    <mergeCell ref="B7:F7"/>
    <mergeCell ref="B8:F10"/>
  </mergeCells>
  <phoneticPr fontId="1"/>
  <dataValidations count="1">
    <dataValidation type="list" allowBlank="1" showInputMessage="1" showErrorMessage="1" sqref="V15:V17 X15:X17 V19:V21 X19:X21 V23:V25 X23:X25 L7 Q7 G7:G10">
      <formula1>"□,■"</formula1>
    </dataValidation>
  </dataValidations>
  <pageMargins left="0.7" right="0.7" top="0.75" bottom="0.75" header="0.3" footer="0.3"/>
  <pageSetup paperSize="9" orientation="portrait"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F123"/>
  <sheetViews>
    <sheetView zoomScaleNormal="100" workbookViewId="0">
      <selection activeCell="F61" sqref="F61"/>
    </sheetView>
  </sheetViews>
  <sheetFormatPr defaultColWidth="4" defaultRowHeight="13.5" x14ac:dyDescent="0.15"/>
  <cols>
    <col min="1" max="1" width="1.5" style="290" customWidth="1"/>
    <col min="2" max="2" width="3.125" style="290" customWidth="1"/>
    <col min="3" max="3" width="1.125" style="290" customWidth="1"/>
    <col min="4" max="19" width="4" style="290"/>
    <col min="20" max="20" width="3.125" style="290" customWidth="1"/>
    <col min="21" max="21" width="2.375" style="290" customWidth="1"/>
    <col min="22" max="22" width="4" style="290"/>
    <col min="23" max="23" width="2.25" style="290" customWidth="1"/>
    <col min="24" max="24" width="4" style="290"/>
    <col min="25" max="25" width="2.375" style="290" customWidth="1"/>
    <col min="26" max="26" width="1.5" style="290" customWidth="1"/>
    <col min="27" max="29" width="4" style="290"/>
    <col min="30" max="30" width="6.625" style="290" bestFit="1" customWidth="1"/>
    <col min="31" max="16384" width="4" style="290"/>
  </cols>
  <sheetData>
    <row r="2" spans="2:30" x14ac:dyDescent="0.15">
      <c r="B2" s="290" t="s">
        <v>657</v>
      </c>
      <c r="C2"/>
      <c r="D2"/>
      <c r="E2"/>
      <c r="F2"/>
      <c r="G2"/>
      <c r="H2"/>
      <c r="I2"/>
      <c r="J2"/>
      <c r="K2"/>
      <c r="L2"/>
      <c r="M2"/>
      <c r="N2"/>
      <c r="O2"/>
      <c r="P2"/>
      <c r="Q2"/>
      <c r="R2"/>
      <c r="S2"/>
      <c r="T2"/>
      <c r="U2"/>
      <c r="V2"/>
      <c r="W2"/>
      <c r="X2"/>
      <c r="Y2"/>
    </row>
    <row r="4" spans="2:30" ht="34.5" customHeight="1" x14ac:dyDescent="0.15">
      <c r="B4" s="528" t="s">
        <v>641</v>
      </c>
      <c r="C4" s="392"/>
      <c r="D4" s="392"/>
      <c r="E4" s="392"/>
      <c r="F4" s="392"/>
      <c r="G4" s="392"/>
      <c r="H4" s="392"/>
      <c r="I4" s="392"/>
      <c r="J4" s="392"/>
      <c r="K4" s="392"/>
      <c r="L4" s="392"/>
      <c r="M4" s="392"/>
      <c r="N4" s="392"/>
      <c r="O4" s="392"/>
      <c r="P4" s="392"/>
      <c r="Q4" s="392"/>
      <c r="R4" s="392"/>
      <c r="S4" s="392"/>
      <c r="T4" s="392"/>
      <c r="U4" s="392"/>
      <c r="V4" s="392"/>
      <c r="W4" s="392"/>
      <c r="X4" s="392"/>
      <c r="Y4" s="392"/>
    </row>
    <row r="5" spans="2:30" ht="13.5" customHeight="1" x14ac:dyDescent="0.15"/>
    <row r="6" spans="2:30" ht="24" customHeight="1" x14ac:dyDescent="0.15">
      <c r="B6" s="393" t="s">
        <v>115</v>
      </c>
      <c r="C6" s="393"/>
      <c r="D6" s="393"/>
      <c r="E6" s="393"/>
      <c r="F6" s="393"/>
      <c r="G6" s="394"/>
      <c r="H6" s="395"/>
      <c r="I6" s="395"/>
      <c r="J6" s="395"/>
      <c r="K6" s="395"/>
      <c r="L6" s="395"/>
      <c r="M6" s="395"/>
      <c r="N6" s="395"/>
      <c r="O6" s="395"/>
      <c r="P6" s="395"/>
      <c r="Q6" s="395"/>
      <c r="R6" s="395"/>
      <c r="S6" s="395"/>
      <c r="T6" s="395"/>
      <c r="U6" s="395"/>
      <c r="V6" s="395"/>
      <c r="W6" s="395"/>
      <c r="X6" s="395"/>
      <c r="Y6" s="396"/>
    </row>
    <row r="7" spans="2:30" ht="24" customHeight="1" x14ac:dyDescent="0.15">
      <c r="B7" s="393" t="s">
        <v>116</v>
      </c>
      <c r="C7" s="393"/>
      <c r="D7" s="393"/>
      <c r="E7" s="393"/>
      <c r="F7" s="393"/>
      <c r="G7" s="250" t="s">
        <v>0</v>
      </c>
      <c r="H7" s="315" t="s">
        <v>87</v>
      </c>
      <c r="I7" s="315"/>
      <c r="J7" s="315"/>
      <c r="K7" s="315"/>
      <c r="L7" s="250" t="s">
        <v>0</v>
      </c>
      <c r="M7" s="315" t="s">
        <v>88</v>
      </c>
      <c r="N7" s="315"/>
      <c r="O7" s="315"/>
      <c r="P7" s="315"/>
      <c r="Q7" s="250" t="s">
        <v>0</v>
      </c>
      <c r="R7" s="315" t="s">
        <v>89</v>
      </c>
      <c r="S7" s="315"/>
      <c r="T7" s="315"/>
      <c r="U7" s="315"/>
      <c r="V7" s="315"/>
      <c r="W7" s="286"/>
      <c r="X7" s="286"/>
      <c r="Y7" s="287"/>
    </row>
    <row r="8" spans="2:30" ht="21.95" customHeight="1" x14ac:dyDescent="0.15">
      <c r="B8" s="401" t="s">
        <v>256</v>
      </c>
      <c r="C8" s="402"/>
      <c r="D8" s="402"/>
      <c r="E8" s="402"/>
      <c r="F8" s="403"/>
      <c r="G8" s="252" t="s">
        <v>0</v>
      </c>
      <c r="H8" s="297" t="s">
        <v>626</v>
      </c>
      <c r="I8" s="265"/>
      <c r="J8" s="265"/>
      <c r="K8" s="265"/>
      <c r="L8" s="265"/>
      <c r="M8" s="265"/>
      <c r="N8" s="265"/>
      <c r="O8" s="265"/>
      <c r="P8" s="265"/>
      <c r="Q8" s="265"/>
      <c r="R8" s="265"/>
      <c r="S8" s="265"/>
      <c r="T8" s="265"/>
      <c r="U8" s="265"/>
      <c r="V8" s="265"/>
      <c r="W8" s="265"/>
      <c r="X8" s="265"/>
      <c r="Y8" s="266"/>
    </row>
    <row r="9" spans="2:30" ht="21.95" customHeight="1" x14ac:dyDescent="0.15">
      <c r="B9" s="421"/>
      <c r="C9" s="392"/>
      <c r="D9" s="392"/>
      <c r="E9" s="392"/>
      <c r="F9" s="422"/>
      <c r="G9" s="291" t="s">
        <v>0</v>
      </c>
      <c r="H9" s="290" t="s">
        <v>627</v>
      </c>
      <c r="I9" s="274"/>
      <c r="J9" s="274"/>
      <c r="K9" s="274"/>
      <c r="L9" s="274"/>
      <c r="M9" s="274"/>
      <c r="N9" s="274"/>
      <c r="O9" s="274"/>
      <c r="P9" s="274"/>
      <c r="Q9" s="274"/>
      <c r="R9" s="274"/>
      <c r="S9" s="274"/>
      <c r="T9" s="274"/>
      <c r="U9" s="274"/>
      <c r="V9" s="274"/>
      <c r="W9" s="274"/>
      <c r="X9" s="274"/>
      <c r="Y9" s="275"/>
    </row>
    <row r="10" spans="2:30" ht="21.95" customHeight="1" x14ac:dyDescent="0.15">
      <c r="B10" s="404"/>
      <c r="C10" s="405"/>
      <c r="D10" s="405"/>
      <c r="E10" s="405"/>
      <c r="F10" s="406"/>
      <c r="G10" s="255" t="s">
        <v>0</v>
      </c>
      <c r="H10" s="259" t="s">
        <v>642</v>
      </c>
      <c r="I10" s="269"/>
      <c r="J10" s="269"/>
      <c r="K10" s="269"/>
      <c r="L10" s="269"/>
      <c r="M10" s="269"/>
      <c r="N10" s="269"/>
      <c r="O10" s="269"/>
      <c r="P10" s="269"/>
      <c r="Q10" s="269"/>
      <c r="R10" s="269"/>
      <c r="S10" s="269"/>
      <c r="T10" s="269"/>
      <c r="U10" s="269"/>
      <c r="V10" s="269"/>
      <c r="W10" s="269"/>
      <c r="X10" s="269"/>
      <c r="Y10" s="270"/>
    </row>
    <row r="11" spans="2:30" ht="13.5" customHeight="1" x14ac:dyDescent="0.15">
      <c r="AD11" s="188"/>
    </row>
    <row r="12" spans="2:30" ht="12.95" customHeight="1" x14ac:dyDescent="0.15">
      <c r="B12" s="296"/>
      <c r="C12" s="297"/>
      <c r="D12" s="297"/>
      <c r="E12" s="297"/>
      <c r="F12" s="297"/>
      <c r="G12" s="297"/>
      <c r="H12" s="297"/>
      <c r="I12" s="297"/>
      <c r="J12" s="297"/>
      <c r="K12" s="297"/>
      <c r="L12" s="297"/>
      <c r="M12" s="297"/>
      <c r="N12" s="297"/>
      <c r="O12" s="297"/>
      <c r="P12" s="297"/>
      <c r="Q12" s="297"/>
      <c r="R12" s="297"/>
      <c r="S12" s="297"/>
      <c r="T12" s="298"/>
      <c r="U12" s="297"/>
      <c r="V12" s="297"/>
      <c r="W12" s="297"/>
      <c r="X12" s="297"/>
      <c r="Y12" s="298"/>
      <c r="Z12"/>
      <c r="AA12"/>
    </row>
    <row r="13" spans="2:30" ht="17.100000000000001" customHeight="1" x14ac:dyDescent="0.15">
      <c r="B13" s="186" t="s">
        <v>643</v>
      </c>
      <c r="C13" s="187"/>
      <c r="T13" s="294"/>
      <c r="V13" s="94" t="s">
        <v>94</v>
      </c>
      <c r="W13" s="94" t="s">
        <v>95</v>
      </c>
      <c r="X13" s="94" t="s">
        <v>96</v>
      </c>
      <c r="Y13" s="294"/>
      <c r="Z13"/>
      <c r="AA13"/>
    </row>
    <row r="14" spans="2:30" ht="17.100000000000001" customHeight="1" x14ac:dyDescent="0.15">
      <c r="B14" s="295"/>
      <c r="T14" s="294"/>
      <c r="Y14" s="294"/>
      <c r="Z14"/>
      <c r="AA14"/>
    </row>
    <row r="15" spans="2:30" ht="49.5" customHeight="1" x14ac:dyDescent="0.15">
      <c r="B15" s="295"/>
      <c r="C15" s="526" t="s">
        <v>630</v>
      </c>
      <c r="D15" s="527"/>
      <c r="E15" s="527"/>
      <c r="F15" s="285" t="s">
        <v>180</v>
      </c>
      <c r="G15" s="449" t="s">
        <v>644</v>
      </c>
      <c r="H15" s="449"/>
      <c r="I15" s="449"/>
      <c r="J15" s="449"/>
      <c r="K15" s="449"/>
      <c r="L15" s="449"/>
      <c r="M15" s="449"/>
      <c r="N15" s="449"/>
      <c r="O15" s="449"/>
      <c r="P15" s="449"/>
      <c r="Q15" s="449"/>
      <c r="R15" s="449"/>
      <c r="S15" s="449"/>
      <c r="T15" s="294"/>
      <c r="V15" s="272" t="s">
        <v>0</v>
      </c>
      <c r="W15" s="272" t="s">
        <v>95</v>
      </c>
      <c r="X15" s="272" t="s">
        <v>0</v>
      </c>
      <c r="Y15" s="294"/>
      <c r="Z15"/>
      <c r="AA15"/>
    </row>
    <row r="16" spans="2:30" ht="69" customHeight="1" x14ac:dyDescent="0.15">
      <c r="B16" s="295"/>
      <c r="C16" s="527"/>
      <c r="D16" s="527"/>
      <c r="E16" s="527"/>
      <c r="F16" s="285" t="s">
        <v>182</v>
      </c>
      <c r="G16" s="449" t="s">
        <v>645</v>
      </c>
      <c r="H16" s="449"/>
      <c r="I16" s="449"/>
      <c r="J16" s="449"/>
      <c r="K16" s="449"/>
      <c r="L16" s="449"/>
      <c r="M16" s="449"/>
      <c r="N16" s="449"/>
      <c r="O16" s="449"/>
      <c r="P16" s="449"/>
      <c r="Q16" s="449"/>
      <c r="R16" s="449"/>
      <c r="S16" s="449"/>
      <c r="T16" s="294"/>
      <c r="V16" s="272" t="s">
        <v>0</v>
      </c>
      <c r="W16" s="272" t="s">
        <v>95</v>
      </c>
      <c r="X16" s="272" t="s">
        <v>0</v>
      </c>
      <c r="Y16" s="294"/>
      <c r="Z16"/>
      <c r="AA16"/>
    </row>
    <row r="17" spans="2:27" ht="39.950000000000003" customHeight="1" x14ac:dyDescent="0.15">
      <c r="B17" s="295"/>
      <c r="C17" s="527"/>
      <c r="D17" s="527"/>
      <c r="E17" s="527"/>
      <c r="F17" s="285" t="s">
        <v>264</v>
      </c>
      <c r="G17" s="449" t="s">
        <v>646</v>
      </c>
      <c r="H17" s="449"/>
      <c r="I17" s="449"/>
      <c r="J17" s="449"/>
      <c r="K17" s="449"/>
      <c r="L17" s="449"/>
      <c r="M17" s="449"/>
      <c r="N17" s="449"/>
      <c r="O17" s="449"/>
      <c r="P17" s="449"/>
      <c r="Q17" s="449"/>
      <c r="R17" s="449"/>
      <c r="S17" s="449"/>
      <c r="T17" s="294"/>
      <c r="V17" s="272" t="s">
        <v>0</v>
      </c>
      <c r="W17" s="272" t="s">
        <v>95</v>
      </c>
      <c r="X17" s="272" t="s">
        <v>0</v>
      </c>
      <c r="Y17" s="294"/>
      <c r="Z17"/>
      <c r="AA17"/>
    </row>
    <row r="18" spans="2:27" ht="21.95" customHeight="1" x14ac:dyDescent="0.15">
      <c r="B18" s="295"/>
      <c r="C18" s="527"/>
      <c r="D18" s="527"/>
      <c r="E18" s="527"/>
      <c r="F18" s="285" t="s">
        <v>266</v>
      </c>
      <c r="G18" s="449" t="s">
        <v>647</v>
      </c>
      <c r="H18" s="449"/>
      <c r="I18" s="449"/>
      <c r="J18" s="449"/>
      <c r="K18" s="449"/>
      <c r="L18" s="449"/>
      <c r="M18" s="449"/>
      <c r="N18" s="449"/>
      <c r="O18" s="449"/>
      <c r="P18" s="449"/>
      <c r="Q18" s="449"/>
      <c r="R18" s="449"/>
      <c r="S18" s="449"/>
      <c r="T18" s="294"/>
      <c r="V18" s="272" t="s">
        <v>0</v>
      </c>
      <c r="W18" s="272" t="s">
        <v>95</v>
      </c>
      <c r="X18" s="272" t="s">
        <v>0</v>
      </c>
      <c r="Y18" s="294"/>
      <c r="Z18"/>
      <c r="AA18"/>
    </row>
    <row r="19" spans="2:27" ht="17.45" customHeight="1" x14ac:dyDescent="0.15">
      <c r="B19" s="295"/>
      <c r="C19" s="335"/>
      <c r="D19" s="335"/>
      <c r="E19" s="335"/>
      <c r="F19" s="272"/>
      <c r="G19" s="274"/>
      <c r="H19" s="274"/>
      <c r="I19" s="274"/>
      <c r="J19" s="274"/>
      <c r="K19" s="274"/>
      <c r="L19" s="274"/>
      <c r="M19" s="274"/>
      <c r="N19" s="274"/>
      <c r="O19" s="274"/>
      <c r="P19" s="274"/>
      <c r="Q19" s="274"/>
      <c r="R19" s="274"/>
      <c r="S19" s="274"/>
      <c r="T19" s="294"/>
      <c r="Y19" s="294"/>
      <c r="Z19"/>
      <c r="AA19"/>
    </row>
    <row r="20" spans="2:27" ht="69" customHeight="1" x14ac:dyDescent="0.15">
      <c r="B20" s="295"/>
      <c r="C20" s="529" t="s">
        <v>648</v>
      </c>
      <c r="D20" s="530"/>
      <c r="E20" s="530"/>
      <c r="F20" s="285" t="s">
        <v>180</v>
      </c>
      <c r="G20" s="449" t="s">
        <v>649</v>
      </c>
      <c r="H20" s="449"/>
      <c r="I20" s="449"/>
      <c r="J20" s="449"/>
      <c r="K20" s="449"/>
      <c r="L20" s="449"/>
      <c r="M20" s="449"/>
      <c r="N20" s="449"/>
      <c r="O20" s="449"/>
      <c r="P20" s="449"/>
      <c r="Q20" s="449"/>
      <c r="R20" s="449"/>
      <c r="S20" s="449"/>
      <c r="T20" s="294"/>
      <c r="V20" s="272" t="s">
        <v>0</v>
      </c>
      <c r="W20" s="272" t="s">
        <v>95</v>
      </c>
      <c r="X20" s="272" t="s">
        <v>0</v>
      </c>
      <c r="Y20" s="294"/>
      <c r="Z20"/>
      <c r="AA20"/>
    </row>
    <row r="21" spans="2:27" ht="69" customHeight="1" x14ac:dyDescent="0.15">
      <c r="B21" s="295"/>
      <c r="C21" s="530"/>
      <c r="D21" s="530"/>
      <c r="E21" s="530"/>
      <c r="F21" s="285" t="s">
        <v>182</v>
      </c>
      <c r="G21" s="449" t="s">
        <v>650</v>
      </c>
      <c r="H21" s="449"/>
      <c r="I21" s="449"/>
      <c r="J21" s="449"/>
      <c r="K21" s="449"/>
      <c r="L21" s="449"/>
      <c r="M21" s="449"/>
      <c r="N21" s="449"/>
      <c r="O21" s="449"/>
      <c r="P21" s="449"/>
      <c r="Q21" s="449"/>
      <c r="R21" s="449"/>
      <c r="S21" s="449"/>
      <c r="T21" s="294"/>
      <c r="V21" s="272" t="s">
        <v>0</v>
      </c>
      <c r="W21" s="272" t="s">
        <v>95</v>
      </c>
      <c r="X21" s="272" t="s">
        <v>0</v>
      </c>
      <c r="Y21" s="294"/>
      <c r="Z21"/>
      <c r="AA21"/>
    </row>
    <row r="22" spans="2:27" ht="49.5" customHeight="1" x14ac:dyDescent="0.15">
      <c r="B22" s="295"/>
      <c r="C22" s="530"/>
      <c r="D22" s="530"/>
      <c r="E22" s="530"/>
      <c r="F22" s="285" t="s">
        <v>264</v>
      </c>
      <c r="G22" s="449" t="s">
        <v>651</v>
      </c>
      <c r="H22" s="449"/>
      <c r="I22" s="449"/>
      <c r="J22" s="449"/>
      <c r="K22" s="449"/>
      <c r="L22" s="449"/>
      <c r="M22" s="449"/>
      <c r="N22" s="449"/>
      <c r="O22" s="449"/>
      <c r="P22" s="449"/>
      <c r="Q22" s="449"/>
      <c r="R22" s="449"/>
      <c r="S22" s="449"/>
      <c r="T22" s="294"/>
      <c r="V22" s="272" t="s">
        <v>0</v>
      </c>
      <c r="W22" s="272" t="s">
        <v>95</v>
      </c>
      <c r="X22" s="272" t="s">
        <v>0</v>
      </c>
      <c r="Y22" s="294"/>
      <c r="Z22"/>
      <c r="AA22"/>
    </row>
    <row r="23" spans="2:27" ht="21.95" customHeight="1" x14ac:dyDescent="0.15">
      <c r="B23" s="295"/>
      <c r="C23" s="530"/>
      <c r="D23" s="530"/>
      <c r="E23" s="530"/>
      <c r="F23" s="285" t="s">
        <v>266</v>
      </c>
      <c r="G23" s="449" t="s">
        <v>652</v>
      </c>
      <c r="H23" s="449"/>
      <c r="I23" s="449"/>
      <c r="J23" s="449"/>
      <c r="K23" s="449"/>
      <c r="L23" s="449"/>
      <c r="M23" s="449"/>
      <c r="N23" s="449"/>
      <c r="O23" s="449"/>
      <c r="P23" s="449"/>
      <c r="Q23" s="449"/>
      <c r="R23" s="449"/>
      <c r="S23" s="449"/>
      <c r="T23" s="294"/>
      <c r="V23" s="272" t="s">
        <v>0</v>
      </c>
      <c r="W23" s="272" t="s">
        <v>95</v>
      </c>
      <c r="X23" s="272" t="s">
        <v>0</v>
      </c>
      <c r="Y23" s="294"/>
      <c r="Z23"/>
      <c r="AA23"/>
    </row>
    <row r="24" spans="2:27" ht="17.45" customHeight="1" x14ac:dyDescent="0.15">
      <c r="B24" s="295"/>
      <c r="C24" s="335"/>
      <c r="D24" s="335"/>
      <c r="E24" s="335"/>
      <c r="F24" s="272"/>
      <c r="G24" s="274"/>
      <c r="H24" s="274"/>
      <c r="I24" s="274"/>
      <c r="J24" s="274"/>
      <c r="K24" s="274"/>
      <c r="L24" s="274"/>
      <c r="M24" s="274"/>
      <c r="N24" s="274"/>
      <c r="O24" s="274"/>
      <c r="P24" s="274"/>
      <c r="Q24" s="274"/>
      <c r="R24" s="274"/>
      <c r="S24" s="274"/>
      <c r="T24" s="294"/>
      <c r="Y24" s="294"/>
      <c r="Z24"/>
      <c r="AA24"/>
    </row>
    <row r="25" spans="2:27" ht="69" customHeight="1" x14ac:dyDescent="0.15">
      <c r="B25" s="295"/>
      <c r="C25" s="531" t="s">
        <v>653</v>
      </c>
      <c r="D25" s="532"/>
      <c r="E25" s="533"/>
      <c r="F25" s="285" t="s">
        <v>180</v>
      </c>
      <c r="G25" s="449" t="s">
        <v>654</v>
      </c>
      <c r="H25" s="449"/>
      <c r="I25" s="449"/>
      <c r="J25" s="449"/>
      <c r="K25" s="449"/>
      <c r="L25" s="449"/>
      <c r="M25" s="449"/>
      <c r="N25" s="449"/>
      <c r="O25" s="449"/>
      <c r="P25" s="449"/>
      <c r="Q25" s="449"/>
      <c r="R25" s="449"/>
      <c r="S25" s="449"/>
      <c r="T25" s="294"/>
      <c r="V25" s="272" t="s">
        <v>0</v>
      </c>
      <c r="W25" s="272" t="s">
        <v>95</v>
      </c>
      <c r="X25" s="272" t="s">
        <v>0</v>
      </c>
      <c r="Y25" s="294"/>
      <c r="Z25"/>
      <c r="AA25"/>
    </row>
    <row r="26" spans="2:27" ht="69" customHeight="1" x14ac:dyDescent="0.15">
      <c r="B26" s="295"/>
      <c r="C26" s="534"/>
      <c r="D26" s="535"/>
      <c r="E26" s="536"/>
      <c r="F26" s="285" t="s">
        <v>182</v>
      </c>
      <c r="G26" s="449" t="s">
        <v>655</v>
      </c>
      <c r="H26" s="449"/>
      <c r="I26" s="449"/>
      <c r="J26" s="449"/>
      <c r="K26" s="449"/>
      <c r="L26" s="449"/>
      <c r="M26" s="449"/>
      <c r="N26" s="449"/>
      <c r="O26" s="449"/>
      <c r="P26" s="449"/>
      <c r="Q26" s="449"/>
      <c r="R26" s="449"/>
      <c r="S26" s="449"/>
      <c r="T26" s="294"/>
      <c r="V26" s="272" t="s">
        <v>0</v>
      </c>
      <c r="W26" s="272" t="s">
        <v>95</v>
      </c>
      <c r="X26" s="272" t="s">
        <v>0</v>
      </c>
      <c r="Y26" s="294"/>
      <c r="Z26"/>
      <c r="AA26"/>
    </row>
    <row r="27" spans="2:27" ht="49.5" customHeight="1" x14ac:dyDescent="0.15">
      <c r="B27" s="295"/>
      <c r="C27" s="537"/>
      <c r="D27" s="538"/>
      <c r="E27" s="539"/>
      <c r="F27" s="285" t="s">
        <v>264</v>
      </c>
      <c r="G27" s="449" t="s">
        <v>656</v>
      </c>
      <c r="H27" s="449"/>
      <c r="I27" s="449"/>
      <c r="J27" s="449"/>
      <c r="K27" s="449"/>
      <c r="L27" s="449"/>
      <c r="M27" s="449"/>
      <c r="N27" s="449"/>
      <c r="O27" s="449"/>
      <c r="P27" s="449"/>
      <c r="Q27" s="449"/>
      <c r="R27" s="449"/>
      <c r="S27" s="449"/>
      <c r="T27" s="294"/>
      <c r="V27" s="272" t="s">
        <v>0</v>
      </c>
      <c r="W27" s="272" t="s">
        <v>95</v>
      </c>
      <c r="X27" s="272" t="s">
        <v>0</v>
      </c>
      <c r="Y27" s="294"/>
      <c r="Z27"/>
      <c r="AA27"/>
    </row>
    <row r="28" spans="2:27" ht="12.95" customHeight="1" x14ac:dyDescent="0.15">
      <c r="B28" s="299"/>
      <c r="C28" s="259"/>
      <c r="D28" s="259"/>
      <c r="E28" s="259"/>
      <c r="F28" s="259"/>
      <c r="G28" s="259"/>
      <c r="H28" s="259"/>
      <c r="I28" s="259"/>
      <c r="J28" s="259"/>
      <c r="K28" s="259"/>
      <c r="L28" s="259"/>
      <c r="M28" s="259"/>
      <c r="N28" s="259"/>
      <c r="O28" s="259"/>
      <c r="P28" s="259"/>
      <c r="Q28" s="259"/>
      <c r="R28" s="259"/>
      <c r="S28" s="259"/>
      <c r="T28" s="300"/>
      <c r="U28" s="259"/>
      <c r="V28" s="259"/>
      <c r="W28" s="259"/>
      <c r="X28" s="259"/>
      <c r="Y28" s="300"/>
    </row>
    <row r="30" spans="2:27" x14ac:dyDescent="0.15">
      <c r="B30" s="290" t="s">
        <v>280</v>
      </c>
    </row>
    <row r="31" spans="2:27" x14ac:dyDescent="0.15">
      <c r="B31" s="290" t="s">
        <v>281</v>
      </c>
      <c r="K31"/>
      <c r="L31"/>
      <c r="M31"/>
      <c r="N31"/>
      <c r="O31"/>
      <c r="P31"/>
      <c r="Q31"/>
      <c r="R31"/>
      <c r="S31"/>
      <c r="T31"/>
      <c r="U31"/>
      <c r="V31"/>
      <c r="W31"/>
      <c r="X31"/>
      <c r="Y31"/>
      <c r="Z31"/>
      <c r="AA31"/>
    </row>
    <row r="38" spans="3:32" x14ac:dyDescent="0.15">
      <c r="C38" s="259"/>
      <c r="D38" s="259"/>
      <c r="E38" s="259"/>
      <c r="F38" s="259"/>
      <c r="G38" s="259"/>
      <c r="H38" s="259"/>
      <c r="I38" s="259"/>
      <c r="J38" s="259"/>
      <c r="K38" s="259"/>
      <c r="L38" s="259"/>
      <c r="M38" s="259"/>
      <c r="N38" s="259"/>
      <c r="O38" s="259"/>
      <c r="P38" s="259"/>
      <c r="Q38" s="259"/>
      <c r="R38" s="259"/>
      <c r="S38" s="259"/>
      <c r="T38" s="259"/>
      <c r="U38" s="259"/>
      <c r="V38" s="259"/>
      <c r="W38" s="259"/>
      <c r="X38" s="259"/>
      <c r="Y38" s="259"/>
      <c r="Z38" s="259"/>
      <c r="AA38" s="259"/>
      <c r="AB38" s="259"/>
      <c r="AC38" s="259"/>
      <c r="AD38" s="259"/>
      <c r="AE38" s="259"/>
      <c r="AF38" s="259"/>
    </row>
    <row r="39" spans="3:32" x14ac:dyDescent="0.15">
      <c r="C39" s="297"/>
    </row>
    <row r="122" spans="3:7" x14ac:dyDescent="0.15">
      <c r="C122" s="259"/>
      <c r="D122" s="259"/>
      <c r="E122" s="259"/>
      <c r="F122" s="259"/>
      <c r="G122" s="259"/>
    </row>
    <row r="123" spans="3:7" x14ac:dyDescent="0.15">
      <c r="C123" s="297"/>
    </row>
  </sheetData>
  <mergeCells count="19">
    <mergeCell ref="G21:S21"/>
    <mergeCell ref="G22:S22"/>
    <mergeCell ref="G23:S23"/>
    <mergeCell ref="C25:E27"/>
    <mergeCell ref="G25:S25"/>
    <mergeCell ref="G26:S26"/>
    <mergeCell ref="G27:S27"/>
    <mergeCell ref="C20:E23"/>
    <mergeCell ref="G20:S20"/>
    <mergeCell ref="B4:Y4"/>
    <mergeCell ref="B6:F6"/>
    <mergeCell ref="G6:Y6"/>
    <mergeCell ref="B7:F7"/>
    <mergeCell ref="B8:F10"/>
    <mergeCell ref="C15:E18"/>
    <mergeCell ref="G15:S15"/>
    <mergeCell ref="G16:S16"/>
    <mergeCell ref="G17:S17"/>
    <mergeCell ref="G18:S18"/>
  </mergeCells>
  <phoneticPr fontId="1"/>
  <dataValidations count="1">
    <dataValidation type="list" allowBlank="1" showInputMessage="1" showErrorMessage="1" sqref="V15:V18 X15:X18 V20:V23 X20:X23 V25:V27 X25:X27 L7 Q7 G7:G10">
      <formula1>"□,■"</formula1>
    </dataValidation>
  </dataValidations>
  <pageMargins left="0.7" right="0.7" top="0.75" bottom="0.75" header="0.3" footer="0.3"/>
  <pageSetup paperSize="9" scale="85" orientation="portrait" r:id="rId1"/>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F123"/>
  <sheetViews>
    <sheetView zoomScaleNormal="100" workbookViewId="0">
      <selection activeCell="F61" sqref="F61"/>
    </sheetView>
  </sheetViews>
  <sheetFormatPr defaultRowHeight="13.5" x14ac:dyDescent="0.15"/>
  <cols>
    <col min="1" max="1" width="2.125" style="189" customWidth="1"/>
    <col min="2" max="23" width="3.625" style="189" customWidth="1"/>
    <col min="24" max="24" width="2.125" style="189" customWidth="1"/>
    <col min="25" max="37" width="5.625" style="189" customWidth="1"/>
    <col min="38" max="16384" width="9" style="189"/>
  </cols>
  <sheetData>
    <row r="1" spans="2:23" x14ac:dyDescent="0.15">
      <c r="B1" s="189" t="s">
        <v>931</v>
      </c>
      <c r="M1" s="190"/>
      <c r="N1" s="191"/>
      <c r="O1" s="191"/>
      <c r="P1" s="191"/>
      <c r="Q1" s="190" t="s">
        <v>9</v>
      </c>
      <c r="R1" s="192"/>
      <c r="S1" s="191" t="s">
        <v>10</v>
      </c>
      <c r="T1" s="192"/>
      <c r="U1" s="191" t="s">
        <v>11</v>
      </c>
      <c r="V1" s="192"/>
      <c r="W1" s="191" t="s">
        <v>81</v>
      </c>
    </row>
    <row r="2" spans="2:23" ht="5.0999999999999996" customHeight="1" x14ac:dyDescent="0.15">
      <c r="M2" s="190"/>
      <c r="N2" s="191"/>
      <c r="O2" s="191"/>
      <c r="P2" s="191"/>
      <c r="Q2" s="190"/>
      <c r="R2" s="191"/>
      <c r="S2" s="191"/>
      <c r="T2" s="191"/>
      <c r="U2" s="191"/>
      <c r="V2" s="191"/>
      <c r="W2" s="191"/>
    </row>
    <row r="3" spans="2:23" x14ac:dyDescent="0.15">
      <c r="B3" s="540" t="s">
        <v>932</v>
      </c>
      <c r="C3" s="540"/>
      <c r="D3" s="540"/>
      <c r="E3" s="540"/>
      <c r="F3" s="540"/>
      <c r="G3" s="540"/>
      <c r="H3" s="540"/>
      <c r="I3" s="540"/>
      <c r="J3" s="540"/>
      <c r="K3" s="540"/>
      <c r="L3" s="540"/>
      <c r="M3" s="540"/>
      <c r="N3" s="540"/>
      <c r="O3" s="540"/>
      <c r="P3" s="540"/>
      <c r="Q3" s="540"/>
      <c r="R3" s="540"/>
      <c r="S3" s="540"/>
      <c r="T3" s="540"/>
      <c r="U3" s="540"/>
      <c r="V3" s="540"/>
      <c r="W3" s="540"/>
    </row>
    <row r="4" spans="2:23" ht="5.0999999999999996" customHeight="1" x14ac:dyDescent="0.15">
      <c r="B4" s="191"/>
      <c r="C4" s="191"/>
      <c r="D4" s="191"/>
      <c r="E4" s="191"/>
      <c r="F4" s="191"/>
      <c r="G4" s="191"/>
      <c r="H4" s="191"/>
      <c r="I4" s="191"/>
      <c r="J4" s="191"/>
      <c r="K4" s="191"/>
      <c r="L4" s="191"/>
      <c r="M4" s="191"/>
      <c r="N4" s="191"/>
      <c r="O4" s="191"/>
      <c r="P4" s="191"/>
      <c r="Q4" s="191"/>
      <c r="R4" s="191"/>
      <c r="S4" s="191"/>
      <c r="T4" s="191"/>
      <c r="U4" s="191"/>
      <c r="V4" s="191"/>
      <c r="W4" s="191"/>
    </row>
    <row r="5" spans="2:23" x14ac:dyDescent="0.15">
      <c r="B5" s="191"/>
      <c r="C5" s="191"/>
      <c r="D5" s="191"/>
      <c r="E5" s="191"/>
      <c r="F5" s="191"/>
      <c r="G5" s="191"/>
      <c r="H5" s="191"/>
      <c r="I5" s="191"/>
      <c r="J5" s="191"/>
      <c r="K5" s="191"/>
      <c r="L5" s="191"/>
      <c r="M5" s="191"/>
      <c r="N5" s="191"/>
      <c r="O5" s="191"/>
      <c r="P5" s="190" t="s">
        <v>335</v>
      </c>
      <c r="Q5" s="541"/>
      <c r="R5" s="541"/>
      <c r="S5" s="541"/>
      <c r="T5" s="541"/>
      <c r="U5" s="541"/>
      <c r="V5" s="541"/>
      <c r="W5" s="541"/>
    </row>
    <row r="6" spans="2:23" x14ac:dyDescent="0.15">
      <c r="B6" s="191"/>
      <c r="C6" s="191"/>
      <c r="D6" s="191"/>
      <c r="E6" s="191"/>
      <c r="F6" s="191"/>
      <c r="G6" s="191"/>
      <c r="H6" s="191"/>
      <c r="I6" s="191"/>
      <c r="J6" s="191"/>
      <c r="K6" s="191"/>
      <c r="L6" s="191"/>
      <c r="M6" s="191"/>
      <c r="N6" s="191"/>
      <c r="O6" s="191"/>
      <c r="P6" s="190" t="s">
        <v>82</v>
      </c>
      <c r="Q6" s="542"/>
      <c r="R6" s="542"/>
      <c r="S6" s="542"/>
      <c r="T6" s="542"/>
      <c r="U6" s="542"/>
      <c r="V6" s="542"/>
      <c r="W6" s="542"/>
    </row>
    <row r="7" spans="2:23" ht="10.5" customHeight="1" x14ac:dyDescent="0.15">
      <c r="B7" s="191"/>
      <c r="C7" s="191"/>
      <c r="D7" s="191"/>
      <c r="E7" s="191"/>
      <c r="F7" s="191"/>
      <c r="G7" s="191"/>
      <c r="H7" s="191"/>
      <c r="I7" s="191"/>
      <c r="J7" s="191"/>
      <c r="K7" s="191"/>
      <c r="L7" s="191"/>
      <c r="M7" s="191"/>
      <c r="N7" s="191"/>
      <c r="O7" s="191"/>
      <c r="P7" s="191"/>
      <c r="Q7" s="191"/>
      <c r="R7" s="191"/>
      <c r="S7" s="191"/>
      <c r="T7" s="191"/>
      <c r="U7" s="191"/>
      <c r="V7" s="191"/>
      <c r="W7" s="191"/>
    </row>
    <row r="8" spans="2:23" x14ac:dyDescent="0.15">
      <c r="B8" s="189" t="s">
        <v>933</v>
      </c>
    </row>
    <row r="9" spans="2:23" x14ac:dyDescent="0.15">
      <c r="C9" s="192" t="s">
        <v>0</v>
      </c>
      <c r="D9" s="189" t="s">
        <v>934</v>
      </c>
      <c r="J9" s="192" t="s">
        <v>0</v>
      </c>
      <c r="K9" s="189" t="s">
        <v>935</v>
      </c>
    </row>
    <row r="10" spans="2:23" ht="10.5" customHeight="1" x14ac:dyDescent="0.15"/>
    <row r="11" spans="2:23" x14ac:dyDescent="0.15">
      <c r="B11" s="189" t="s">
        <v>936</v>
      </c>
    </row>
    <row r="12" spans="2:23" x14ac:dyDescent="0.15">
      <c r="C12" s="192" t="s">
        <v>0</v>
      </c>
      <c r="D12" s="189" t="s">
        <v>937</v>
      </c>
    </row>
    <row r="13" spans="2:23" x14ac:dyDescent="0.15">
      <c r="C13" s="192" t="s">
        <v>0</v>
      </c>
      <c r="D13" s="189" t="s">
        <v>938</v>
      </c>
    </row>
    <row r="14" spans="2:23" ht="10.5" customHeight="1" x14ac:dyDescent="0.15"/>
    <row r="15" spans="2:23" x14ac:dyDescent="0.15">
      <c r="B15" s="189" t="s">
        <v>299</v>
      </c>
    </row>
    <row r="16" spans="2:23" ht="60" customHeight="1" x14ac:dyDescent="0.15">
      <c r="B16" s="543"/>
      <c r="C16" s="543"/>
      <c r="D16" s="543"/>
      <c r="E16" s="543"/>
      <c r="F16" s="544" t="s">
        <v>939</v>
      </c>
      <c r="G16" s="545"/>
      <c r="H16" s="545"/>
      <c r="I16" s="545"/>
      <c r="J16" s="545"/>
      <c r="K16" s="545"/>
      <c r="L16" s="546"/>
      <c r="M16" s="547" t="s">
        <v>940</v>
      </c>
      <c r="N16" s="547"/>
      <c r="O16" s="547"/>
      <c r="P16" s="547"/>
      <c r="Q16" s="547"/>
      <c r="R16" s="547"/>
      <c r="S16" s="547"/>
    </row>
    <row r="17" spans="2:23" x14ac:dyDescent="0.15">
      <c r="B17" s="548">
        <v>4</v>
      </c>
      <c r="C17" s="549"/>
      <c r="D17" s="549" t="s">
        <v>80</v>
      </c>
      <c r="E17" s="550"/>
      <c r="F17" s="551"/>
      <c r="G17" s="552"/>
      <c r="H17" s="552"/>
      <c r="I17" s="552"/>
      <c r="J17" s="552"/>
      <c r="K17" s="552"/>
      <c r="L17" s="333" t="s">
        <v>181</v>
      </c>
      <c r="M17" s="551"/>
      <c r="N17" s="552"/>
      <c r="O17" s="552"/>
      <c r="P17" s="552"/>
      <c r="Q17" s="552"/>
      <c r="R17" s="552"/>
      <c r="S17" s="333" t="s">
        <v>181</v>
      </c>
    </row>
    <row r="18" spans="2:23" x14ac:dyDescent="0.15">
      <c r="B18" s="548">
        <v>5</v>
      </c>
      <c r="C18" s="549"/>
      <c r="D18" s="549" t="s">
        <v>80</v>
      </c>
      <c r="E18" s="550"/>
      <c r="F18" s="551"/>
      <c r="G18" s="552"/>
      <c r="H18" s="552"/>
      <c r="I18" s="552"/>
      <c r="J18" s="552"/>
      <c r="K18" s="552"/>
      <c r="L18" s="333" t="s">
        <v>181</v>
      </c>
      <c r="M18" s="551"/>
      <c r="N18" s="552"/>
      <c r="O18" s="552"/>
      <c r="P18" s="552"/>
      <c r="Q18" s="552"/>
      <c r="R18" s="552"/>
      <c r="S18" s="333" t="s">
        <v>181</v>
      </c>
    </row>
    <row r="19" spans="2:23" x14ac:dyDescent="0.15">
      <c r="B19" s="548">
        <v>6</v>
      </c>
      <c r="C19" s="549"/>
      <c r="D19" s="549" t="s">
        <v>80</v>
      </c>
      <c r="E19" s="550"/>
      <c r="F19" s="551"/>
      <c r="G19" s="552"/>
      <c r="H19" s="552"/>
      <c r="I19" s="552"/>
      <c r="J19" s="552"/>
      <c r="K19" s="552"/>
      <c r="L19" s="333" t="s">
        <v>181</v>
      </c>
      <c r="M19" s="551"/>
      <c r="N19" s="552"/>
      <c r="O19" s="552"/>
      <c r="P19" s="552"/>
      <c r="Q19" s="552"/>
      <c r="R19" s="552"/>
      <c r="S19" s="333" t="s">
        <v>181</v>
      </c>
    </row>
    <row r="20" spans="2:23" x14ac:dyDescent="0.15">
      <c r="B20" s="548">
        <v>7</v>
      </c>
      <c r="C20" s="549"/>
      <c r="D20" s="549" t="s">
        <v>80</v>
      </c>
      <c r="E20" s="550"/>
      <c r="F20" s="551"/>
      <c r="G20" s="552"/>
      <c r="H20" s="552"/>
      <c r="I20" s="552"/>
      <c r="J20" s="552"/>
      <c r="K20" s="552"/>
      <c r="L20" s="333" t="s">
        <v>181</v>
      </c>
      <c r="M20" s="551"/>
      <c r="N20" s="552"/>
      <c r="O20" s="552"/>
      <c r="P20" s="552"/>
      <c r="Q20" s="552"/>
      <c r="R20" s="552"/>
      <c r="S20" s="333" t="s">
        <v>181</v>
      </c>
    </row>
    <row r="21" spans="2:23" x14ac:dyDescent="0.15">
      <c r="B21" s="548">
        <v>8</v>
      </c>
      <c r="C21" s="549"/>
      <c r="D21" s="549" t="s">
        <v>80</v>
      </c>
      <c r="E21" s="550"/>
      <c r="F21" s="551"/>
      <c r="G21" s="552"/>
      <c r="H21" s="552"/>
      <c r="I21" s="552"/>
      <c r="J21" s="552"/>
      <c r="K21" s="552"/>
      <c r="L21" s="333" t="s">
        <v>181</v>
      </c>
      <c r="M21" s="551"/>
      <c r="N21" s="552"/>
      <c r="O21" s="552"/>
      <c r="P21" s="552"/>
      <c r="Q21" s="552"/>
      <c r="R21" s="552"/>
      <c r="S21" s="333" t="s">
        <v>181</v>
      </c>
    </row>
    <row r="22" spans="2:23" x14ac:dyDescent="0.15">
      <c r="B22" s="548">
        <v>9</v>
      </c>
      <c r="C22" s="549"/>
      <c r="D22" s="549" t="s">
        <v>80</v>
      </c>
      <c r="E22" s="550"/>
      <c r="F22" s="551"/>
      <c r="G22" s="552"/>
      <c r="H22" s="552"/>
      <c r="I22" s="552"/>
      <c r="J22" s="552"/>
      <c r="K22" s="552"/>
      <c r="L22" s="333" t="s">
        <v>181</v>
      </c>
      <c r="M22" s="551"/>
      <c r="N22" s="552"/>
      <c r="O22" s="552"/>
      <c r="P22" s="552"/>
      <c r="Q22" s="552"/>
      <c r="R22" s="552"/>
      <c r="S22" s="333" t="s">
        <v>181</v>
      </c>
    </row>
    <row r="23" spans="2:23" x14ac:dyDescent="0.15">
      <c r="B23" s="548">
        <v>10</v>
      </c>
      <c r="C23" s="549"/>
      <c r="D23" s="549" t="s">
        <v>80</v>
      </c>
      <c r="E23" s="550"/>
      <c r="F23" s="551"/>
      <c r="G23" s="552"/>
      <c r="H23" s="552"/>
      <c r="I23" s="552"/>
      <c r="J23" s="552"/>
      <c r="K23" s="552"/>
      <c r="L23" s="333" t="s">
        <v>181</v>
      </c>
      <c r="M23" s="551"/>
      <c r="N23" s="552"/>
      <c r="O23" s="552"/>
      <c r="P23" s="552"/>
      <c r="Q23" s="552"/>
      <c r="R23" s="552"/>
      <c r="S23" s="333" t="s">
        <v>181</v>
      </c>
    </row>
    <row r="24" spans="2:23" x14ac:dyDescent="0.15">
      <c r="B24" s="548">
        <v>11</v>
      </c>
      <c r="C24" s="549"/>
      <c r="D24" s="549" t="s">
        <v>80</v>
      </c>
      <c r="E24" s="550"/>
      <c r="F24" s="551"/>
      <c r="G24" s="552"/>
      <c r="H24" s="552"/>
      <c r="I24" s="552"/>
      <c r="J24" s="552"/>
      <c r="K24" s="552"/>
      <c r="L24" s="333" t="s">
        <v>181</v>
      </c>
      <c r="M24" s="551"/>
      <c r="N24" s="552"/>
      <c r="O24" s="552"/>
      <c r="P24" s="552"/>
      <c r="Q24" s="552"/>
      <c r="R24" s="552"/>
      <c r="S24" s="333" t="s">
        <v>181</v>
      </c>
    </row>
    <row r="25" spans="2:23" x14ac:dyDescent="0.15">
      <c r="B25" s="548">
        <v>12</v>
      </c>
      <c r="C25" s="549"/>
      <c r="D25" s="549" t="s">
        <v>80</v>
      </c>
      <c r="E25" s="550"/>
      <c r="F25" s="551"/>
      <c r="G25" s="552"/>
      <c r="H25" s="552"/>
      <c r="I25" s="552"/>
      <c r="J25" s="552"/>
      <c r="K25" s="552"/>
      <c r="L25" s="333" t="s">
        <v>181</v>
      </c>
      <c r="M25" s="551"/>
      <c r="N25" s="552"/>
      <c r="O25" s="552"/>
      <c r="P25" s="552"/>
      <c r="Q25" s="552"/>
      <c r="R25" s="552"/>
      <c r="S25" s="333" t="s">
        <v>181</v>
      </c>
      <c r="U25" s="543" t="s">
        <v>941</v>
      </c>
      <c r="V25" s="543"/>
      <c r="W25" s="543"/>
    </row>
    <row r="26" spans="2:23" x14ac:dyDescent="0.15">
      <c r="B26" s="548">
        <v>1</v>
      </c>
      <c r="C26" s="549"/>
      <c r="D26" s="549" t="s">
        <v>80</v>
      </c>
      <c r="E26" s="550"/>
      <c r="F26" s="551"/>
      <c r="G26" s="552"/>
      <c r="H26" s="552"/>
      <c r="I26" s="552"/>
      <c r="J26" s="552"/>
      <c r="K26" s="552"/>
      <c r="L26" s="333" t="s">
        <v>181</v>
      </c>
      <c r="M26" s="551"/>
      <c r="N26" s="552"/>
      <c r="O26" s="552"/>
      <c r="P26" s="552"/>
      <c r="Q26" s="552"/>
      <c r="R26" s="552"/>
      <c r="S26" s="333" t="s">
        <v>181</v>
      </c>
      <c r="U26" s="553"/>
      <c r="V26" s="553"/>
      <c r="W26" s="553"/>
    </row>
    <row r="27" spans="2:23" x14ac:dyDescent="0.15">
      <c r="B27" s="548">
        <v>2</v>
      </c>
      <c r="C27" s="549"/>
      <c r="D27" s="549" t="s">
        <v>80</v>
      </c>
      <c r="E27" s="550"/>
      <c r="F27" s="551"/>
      <c r="G27" s="552"/>
      <c r="H27" s="552"/>
      <c r="I27" s="552"/>
      <c r="J27" s="552"/>
      <c r="K27" s="552"/>
      <c r="L27" s="333" t="s">
        <v>181</v>
      </c>
      <c r="M27" s="551"/>
      <c r="N27" s="552"/>
      <c r="O27" s="552"/>
      <c r="P27" s="552"/>
      <c r="Q27" s="552"/>
      <c r="R27" s="552"/>
      <c r="S27" s="333" t="s">
        <v>181</v>
      </c>
    </row>
    <row r="28" spans="2:23" x14ac:dyDescent="0.15">
      <c r="B28" s="543" t="s">
        <v>435</v>
      </c>
      <c r="C28" s="543"/>
      <c r="D28" s="543"/>
      <c r="E28" s="543"/>
      <c r="F28" s="548" t="str">
        <f>IF(SUM(F17:K27)=0,"",SUM(F17:K27))</f>
        <v/>
      </c>
      <c r="G28" s="549"/>
      <c r="H28" s="549"/>
      <c r="I28" s="549"/>
      <c r="J28" s="549"/>
      <c r="K28" s="549"/>
      <c r="L28" s="333" t="s">
        <v>181</v>
      </c>
      <c r="M28" s="548" t="str">
        <f>IF(SUM(M17:R27)=0,"",SUM(M17:R27))</f>
        <v/>
      </c>
      <c r="N28" s="549"/>
      <c r="O28" s="549"/>
      <c r="P28" s="549"/>
      <c r="Q28" s="549"/>
      <c r="R28" s="549"/>
      <c r="S28" s="333" t="s">
        <v>181</v>
      </c>
      <c r="U28" s="543" t="s">
        <v>942</v>
      </c>
      <c r="V28" s="543"/>
      <c r="W28" s="543"/>
    </row>
    <row r="29" spans="2:23" ht="39.950000000000003" customHeight="1" x14ac:dyDescent="0.15">
      <c r="B29" s="547" t="s">
        <v>943</v>
      </c>
      <c r="C29" s="543"/>
      <c r="D29" s="543"/>
      <c r="E29" s="543"/>
      <c r="F29" s="554" t="str">
        <f>IF(F28="","",F28/U26)</f>
        <v/>
      </c>
      <c r="G29" s="555"/>
      <c r="H29" s="555"/>
      <c r="I29" s="555"/>
      <c r="J29" s="555"/>
      <c r="K29" s="555"/>
      <c r="L29" s="333" t="s">
        <v>181</v>
      </c>
      <c r="M29" s="554" t="str">
        <f>IF(M28="","",M28/U26)</f>
        <v/>
      </c>
      <c r="N29" s="555"/>
      <c r="O29" s="555"/>
      <c r="P29" s="555"/>
      <c r="Q29" s="555"/>
      <c r="R29" s="555"/>
      <c r="S29" s="333" t="s">
        <v>181</v>
      </c>
      <c r="U29" s="556" t="str">
        <f>IF(F29="","",ROUNDDOWN(M29/F29,3))</f>
        <v/>
      </c>
      <c r="V29" s="557"/>
      <c r="W29" s="558"/>
    </row>
    <row r="31" spans="2:23" x14ac:dyDescent="0.15">
      <c r="B31" s="189" t="s">
        <v>300</v>
      </c>
    </row>
    <row r="32" spans="2:23" ht="60" customHeight="1" x14ac:dyDescent="0.15">
      <c r="B32" s="543"/>
      <c r="C32" s="543"/>
      <c r="D32" s="543"/>
      <c r="E32" s="543"/>
      <c r="F32" s="544" t="s">
        <v>939</v>
      </c>
      <c r="G32" s="545"/>
      <c r="H32" s="545"/>
      <c r="I32" s="545"/>
      <c r="J32" s="545"/>
      <c r="K32" s="545"/>
      <c r="L32" s="546"/>
      <c r="M32" s="547" t="s">
        <v>940</v>
      </c>
      <c r="N32" s="547"/>
      <c r="O32" s="547"/>
      <c r="P32" s="547"/>
      <c r="Q32" s="547"/>
      <c r="R32" s="547"/>
      <c r="S32" s="547"/>
    </row>
    <row r="33" spans="1:32" x14ac:dyDescent="0.15">
      <c r="B33" s="551"/>
      <c r="C33" s="552"/>
      <c r="D33" s="552"/>
      <c r="E33" s="193" t="s">
        <v>80</v>
      </c>
      <c r="F33" s="551"/>
      <c r="G33" s="552"/>
      <c r="H33" s="552"/>
      <c r="I33" s="552"/>
      <c r="J33" s="552"/>
      <c r="K33" s="552"/>
      <c r="L33" s="333" t="s">
        <v>181</v>
      </c>
      <c r="M33" s="551"/>
      <c r="N33" s="552"/>
      <c r="O33" s="552"/>
      <c r="P33" s="552"/>
      <c r="Q33" s="552"/>
      <c r="R33" s="552"/>
      <c r="S33" s="333" t="s">
        <v>181</v>
      </c>
    </row>
    <row r="34" spans="1:32" x14ac:dyDescent="0.15">
      <c r="B34" s="551"/>
      <c r="C34" s="552"/>
      <c r="D34" s="552"/>
      <c r="E34" s="193" t="s">
        <v>80</v>
      </c>
      <c r="F34" s="551"/>
      <c r="G34" s="552"/>
      <c r="H34" s="552"/>
      <c r="I34" s="552"/>
      <c r="J34" s="552"/>
      <c r="K34" s="552"/>
      <c r="L34" s="333" t="s">
        <v>181</v>
      </c>
      <c r="M34" s="551"/>
      <c r="N34" s="552"/>
      <c r="O34" s="552"/>
      <c r="P34" s="552"/>
      <c r="Q34" s="552"/>
      <c r="R34" s="552"/>
      <c r="S34" s="333" t="s">
        <v>181</v>
      </c>
    </row>
    <row r="35" spans="1:32" x14ac:dyDescent="0.15">
      <c r="B35" s="551"/>
      <c r="C35" s="552"/>
      <c r="D35" s="552"/>
      <c r="E35" s="193" t="s">
        <v>301</v>
      </c>
      <c r="F35" s="551"/>
      <c r="G35" s="552"/>
      <c r="H35" s="552"/>
      <c r="I35" s="552"/>
      <c r="J35" s="552"/>
      <c r="K35" s="552"/>
      <c r="L35" s="333" t="s">
        <v>181</v>
      </c>
      <c r="M35" s="551"/>
      <c r="N35" s="552"/>
      <c r="O35" s="552"/>
      <c r="P35" s="552"/>
      <c r="Q35" s="552"/>
      <c r="R35" s="552"/>
      <c r="S35" s="333" t="s">
        <v>181</v>
      </c>
    </row>
    <row r="36" spans="1:32" x14ac:dyDescent="0.15">
      <c r="B36" s="543" t="s">
        <v>435</v>
      </c>
      <c r="C36" s="543"/>
      <c r="D36" s="543"/>
      <c r="E36" s="543"/>
      <c r="F36" s="548" t="str">
        <f>IF(SUM(F33:K35)=0,"",SUM(F33:K35))</f>
        <v/>
      </c>
      <c r="G36" s="549"/>
      <c r="H36" s="549"/>
      <c r="I36" s="549"/>
      <c r="J36" s="549"/>
      <c r="K36" s="549"/>
      <c r="L36" s="333" t="s">
        <v>181</v>
      </c>
      <c r="M36" s="548" t="str">
        <f>IF(SUM(M33:R35)=0,"",SUM(M33:R35))</f>
        <v/>
      </c>
      <c r="N36" s="549"/>
      <c r="O36" s="549"/>
      <c r="P36" s="549"/>
      <c r="Q36" s="549"/>
      <c r="R36" s="549"/>
      <c r="S36" s="333" t="s">
        <v>181</v>
      </c>
      <c r="U36" s="543" t="s">
        <v>942</v>
      </c>
      <c r="V36" s="543"/>
      <c r="W36" s="543"/>
    </row>
    <row r="37" spans="1:32" ht="39.950000000000003" customHeight="1" x14ac:dyDescent="0.15">
      <c r="B37" s="547" t="s">
        <v>943</v>
      </c>
      <c r="C37" s="543"/>
      <c r="D37" s="543"/>
      <c r="E37" s="543"/>
      <c r="F37" s="554" t="str">
        <f>IF(F36="","",F36/3)</f>
        <v/>
      </c>
      <c r="G37" s="555"/>
      <c r="H37" s="555"/>
      <c r="I37" s="555"/>
      <c r="J37" s="555"/>
      <c r="K37" s="555"/>
      <c r="L37" s="333" t="s">
        <v>181</v>
      </c>
      <c r="M37" s="554" t="str">
        <f>IF(M36="","",M36/3)</f>
        <v/>
      </c>
      <c r="N37" s="555"/>
      <c r="O37" s="555"/>
      <c r="P37" s="555"/>
      <c r="Q37" s="555"/>
      <c r="R37" s="555"/>
      <c r="S37" s="333" t="s">
        <v>181</v>
      </c>
      <c r="U37" s="556" t="str">
        <f>IF(F37="","",ROUNDDOWN(M37/F37,3))</f>
        <v/>
      </c>
      <c r="V37" s="557"/>
      <c r="W37" s="558"/>
    </row>
    <row r="38" spans="1:32" ht="5.0999999999999996" customHeight="1" x14ac:dyDescent="0.15">
      <c r="A38" s="361"/>
      <c r="B38" s="362"/>
      <c r="C38" s="363"/>
      <c r="D38" s="363"/>
      <c r="E38" s="363"/>
      <c r="F38" s="364"/>
      <c r="G38" s="364"/>
      <c r="H38" s="364"/>
      <c r="I38" s="364"/>
      <c r="J38" s="364"/>
      <c r="K38" s="364"/>
      <c r="L38" s="363"/>
      <c r="M38" s="364"/>
      <c r="N38" s="364"/>
      <c r="O38" s="364"/>
      <c r="P38" s="364"/>
      <c r="Q38" s="364"/>
      <c r="R38" s="364"/>
      <c r="S38" s="363"/>
      <c r="T38" s="361"/>
      <c r="U38" s="365"/>
      <c r="V38" s="365"/>
      <c r="W38" s="365"/>
      <c r="X38" s="361"/>
      <c r="Y38" s="361"/>
      <c r="Z38" s="361"/>
      <c r="AA38" s="361"/>
      <c r="AB38" s="361"/>
      <c r="AC38" s="361"/>
      <c r="AD38" s="361"/>
      <c r="AE38" s="361"/>
      <c r="AF38" s="361"/>
    </row>
    <row r="39" spans="1:32" x14ac:dyDescent="0.15">
      <c r="B39" s="189" t="s">
        <v>409</v>
      </c>
      <c r="C39" s="366"/>
    </row>
    <row r="40" spans="1:32" x14ac:dyDescent="0.15">
      <c r="B40" s="559" t="s">
        <v>944</v>
      </c>
      <c r="C40" s="559"/>
      <c r="D40" s="559"/>
      <c r="E40" s="559"/>
      <c r="F40" s="559"/>
      <c r="G40" s="559"/>
      <c r="H40" s="559"/>
      <c r="I40" s="559"/>
      <c r="J40" s="559"/>
      <c r="K40" s="559"/>
      <c r="L40" s="559"/>
      <c r="M40" s="559"/>
      <c r="N40" s="559"/>
      <c r="O40" s="559"/>
      <c r="P40" s="559"/>
      <c r="Q40" s="559"/>
      <c r="R40" s="559"/>
      <c r="S40" s="559"/>
      <c r="T40" s="559"/>
      <c r="U40" s="559"/>
      <c r="V40" s="559"/>
      <c r="W40" s="559"/>
    </row>
    <row r="41" spans="1:32" x14ac:dyDescent="0.15">
      <c r="B41" s="559" t="s">
        <v>945</v>
      </c>
      <c r="C41" s="559"/>
      <c r="D41" s="559"/>
      <c r="E41" s="559"/>
      <c r="F41" s="559"/>
      <c r="G41" s="559"/>
      <c r="H41" s="559"/>
      <c r="I41" s="559"/>
      <c r="J41" s="559"/>
      <c r="K41" s="559"/>
      <c r="L41" s="559"/>
      <c r="M41" s="559"/>
      <c r="N41" s="559"/>
      <c r="O41" s="559"/>
      <c r="P41" s="559"/>
      <c r="Q41" s="559"/>
      <c r="R41" s="559"/>
      <c r="S41" s="559"/>
      <c r="T41" s="559"/>
      <c r="U41" s="559"/>
      <c r="V41" s="559"/>
      <c r="W41" s="559"/>
    </row>
    <row r="42" spans="1:32" x14ac:dyDescent="0.15">
      <c r="B42" s="559" t="s">
        <v>946</v>
      </c>
      <c r="C42" s="559"/>
      <c r="D42" s="559"/>
      <c r="E42" s="559"/>
      <c r="F42" s="559"/>
      <c r="G42" s="559"/>
      <c r="H42" s="559"/>
      <c r="I42" s="559"/>
      <c r="J42" s="559"/>
      <c r="K42" s="559"/>
      <c r="L42" s="559"/>
      <c r="M42" s="559"/>
      <c r="N42" s="559"/>
      <c r="O42" s="559"/>
      <c r="P42" s="559"/>
      <c r="Q42" s="559"/>
      <c r="R42" s="559"/>
      <c r="S42" s="559"/>
      <c r="T42" s="559"/>
      <c r="U42" s="559"/>
      <c r="V42" s="559"/>
      <c r="W42" s="559"/>
    </row>
    <row r="43" spans="1:32" x14ac:dyDescent="0.15">
      <c r="B43" s="559" t="s">
        <v>947</v>
      </c>
      <c r="C43" s="559"/>
      <c r="D43" s="559"/>
      <c r="E43" s="559"/>
      <c r="F43" s="559"/>
      <c r="G43" s="559"/>
      <c r="H43" s="559"/>
      <c r="I43" s="559"/>
      <c r="J43" s="559"/>
      <c r="K43" s="559"/>
      <c r="L43" s="559"/>
      <c r="M43" s="559"/>
      <c r="N43" s="559"/>
      <c r="O43" s="559"/>
      <c r="P43" s="559"/>
      <c r="Q43" s="559"/>
      <c r="R43" s="559"/>
      <c r="S43" s="559"/>
      <c r="T43" s="559"/>
      <c r="U43" s="559"/>
      <c r="V43" s="559"/>
      <c r="W43" s="559"/>
    </row>
    <row r="44" spans="1:32" x14ac:dyDescent="0.15">
      <c r="B44" s="559" t="s">
        <v>948</v>
      </c>
      <c r="C44" s="559"/>
      <c r="D44" s="559"/>
      <c r="E44" s="559"/>
      <c r="F44" s="559"/>
      <c r="G44" s="559"/>
      <c r="H44" s="559"/>
      <c r="I44" s="559"/>
      <c r="J44" s="559"/>
      <c r="K44" s="559"/>
      <c r="L44" s="559"/>
      <c r="M44" s="559"/>
      <c r="N44" s="559"/>
      <c r="O44" s="559"/>
      <c r="P44" s="559"/>
      <c r="Q44" s="559"/>
      <c r="R44" s="559"/>
      <c r="S44" s="559"/>
      <c r="T44" s="559"/>
      <c r="U44" s="559"/>
      <c r="V44" s="559"/>
      <c r="W44" s="559"/>
    </row>
    <row r="45" spans="1:32" x14ac:dyDescent="0.15">
      <c r="B45" s="559" t="s">
        <v>949</v>
      </c>
      <c r="C45" s="559"/>
      <c r="D45" s="559"/>
      <c r="E45" s="559"/>
      <c r="F45" s="559"/>
      <c r="G45" s="559"/>
      <c r="H45" s="559"/>
      <c r="I45" s="559"/>
      <c r="J45" s="559"/>
      <c r="K45" s="559"/>
      <c r="L45" s="559"/>
      <c r="M45" s="559"/>
      <c r="N45" s="559"/>
      <c r="O45" s="559"/>
      <c r="P45" s="559"/>
      <c r="Q45" s="559"/>
      <c r="R45" s="559"/>
      <c r="S45" s="559"/>
      <c r="T45" s="559"/>
      <c r="U45" s="559"/>
      <c r="V45" s="559"/>
      <c r="W45" s="559"/>
    </row>
    <row r="46" spans="1:32" x14ac:dyDescent="0.15">
      <c r="B46" s="559" t="s">
        <v>950</v>
      </c>
      <c r="C46" s="559"/>
      <c r="D46" s="559"/>
      <c r="E46" s="559"/>
      <c r="F46" s="559"/>
      <c r="G46" s="559"/>
      <c r="H46" s="559"/>
      <c r="I46" s="559"/>
      <c r="J46" s="559"/>
      <c r="K46" s="559"/>
      <c r="L46" s="559"/>
      <c r="M46" s="559"/>
      <c r="N46" s="559"/>
      <c r="O46" s="559"/>
      <c r="P46" s="559"/>
      <c r="Q46" s="559"/>
      <c r="R46" s="559"/>
      <c r="S46" s="559"/>
      <c r="T46" s="559"/>
      <c r="U46" s="559"/>
      <c r="V46" s="559"/>
      <c r="W46" s="559"/>
    </row>
    <row r="47" spans="1:32" x14ac:dyDescent="0.15">
      <c r="B47" s="559" t="s">
        <v>951</v>
      </c>
      <c r="C47" s="559"/>
      <c r="D47" s="559"/>
      <c r="E47" s="559"/>
      <c r="F47" s="559"/>
      <c r="G47" s="559"/>
      <c r="H47" s="559"/>
      <c r="I47" s="559"/>
      <c r="J47" s="559"/>
      <c r="K47" s="559"/>
      <c r="L47" s="559"/>
      <c r="M47" s="559"/>
      <c r="N47" s="559"/>
      <c r="O47" s="559"/>
      <c r="P47" s="559"/>
      <c r="Q47" s="559"/>
      <c r="R47" s="559"/>
      <c r="S47" s="559"/>
      <c r="T47" s="559"/>
      <c r="U47" s="559"/>
      <c r="V47" s="559"/>
      <c r="W47" s="559"/>
    </row>
    <row r="48" spans="1:32" x14ac:dyDescent="0.15">
      <c r="B48" s="559"/>
      <c r="C48" s="559"/>
      <c r="D48" s="559"/>
      <c r="E48" s="559"/>
      <c r="F48" s="559"/>
      <c r="G48" s="559"/>
      <c r="H48" s="559"/>
      <c r="I48" s="559"/>
      <c r="J48" s="559"/>
      <c r="K48" s="559"/>
      <c r="L48" s="559"/>
      <c r="M48" s="559"/>
      <c r="N48" s="559"/>
      <c r="O48" s="559"/>
      <c r="P48" s="559"/>
      <c r="Q48" s="559"/>
      <c r="R48" s="559"/>
      <c r="S48" s="559"/>
      <c r="T48" s="559"/>
      <c r="U48" s="559"/>
      <c r="V48" s="559"/>
      <c r="W48" s="559"/>
    </row>
    <row r="49" spans="2:23" x14ac:dyDescent="0.15">
      <c r="B49" s="559"/>
      <c r="C49" s="559"/>
      <c r="D49" s="559"/>
      <c r="E49" s="559"/>
      <c r="F49" s="559"/>
      <c r="G49" s="559"/>
      <c r="H49" s="559"/>
      <c r="I49" s="559"/>
      <c r="J49" s="559"/>
      <c r="K49" s="559"/>
      <c r="L49" s="559"/>
      <c r="M49" s="559"/>
      <c r="N49" s="559"/>
      <c r="O49" s="559"/>
      <c r="P49" s="559"/>
      <c r="Q49" s="559"/>
      <c r="R49" s="559"/>
      <c r="S49" s="559"/>
      <c r="T49" s="559"/>
      <c r="U49" s="559"/>
      <c r="V49" s="559"/>
      <c r="W49" s="559"/>
    </row>
    <row r="122" spans="3:7" x14ac:dyDescent="0.15">
      <c r="C122" s="361"/>
      <c r="D122" s="361"/>
      <c r="E122" s="361"/>
      <c r="F122" s="361"/>
      <c r="G122" s="361"/>
    </row>
    <row r="123" spans="3:7" x14ac:dyDescent="0.15">
      <c r="C123" s="366"/>
    </row>
  </sheetData>
  <mergeCells count="90">
    <mergeCell ref="B47:W47"/>
    <mergeCell ref="B48:W48"/>
    <mergeCell ref="B49:W49"/>
    <mergeCell ref="B41:W41"/>
    <mergeCell ref="B42:W42"/>
    <mergeCell ref="B43:W43"/>
    <mergeCell ref="B44:W44"/>
    <mergeCell ref="B45:W45"/>
    <mergeCell ref="B46:W46"/>
    <mergeCell ref="B40:W40"/>
    <mergeCell ref="B35:D35"/>
    <mergeCell ref="F35:K35"/>
    <mergeCell ref="M35:R35"/>
    <mergeCell ref="B36:E36"/>
    <mergeCell ref="F36:K36"/>
    <mergeCell ref="M36:R36"/>
    <mergeCell ref="U36:W36"/>
    <mergeCell ref="B37:E37"/>
    <mergeCell ref="F37:K37"/>
    <mergeCell ref="M37:R37"/>
    <mergeCell ref="U37:W37"/>
    <mergeCell ref="B33:D33"/>
    <mergeCell ref="F33:K33"/>
    <mergeCell ref="M33:R33"/>
    <mergeCell ref="B34:D34"/>
    <mergeCell ref="F34:K34"/>
    <mergeCell ref="M34:R34"/>
    <mergeCell ref="U28:W28"/>
    <mergeCell ref="B29:E29"/>
    <mergeCell ref="F29:K29"/>
    <mergeCell ref="M29:R29"/>
    <mergeCell ref="U29:W29"/>
    <mergeCell ref="B32:E32"/>
    <mergeCell ref="F32:L32"/>
    <mergeCell ref="M32:S32"/>
    <mergeCell ref="B27:C27"/>
    <mergeCell ref="D27:E27"/>
    <mergeCell ref="F27:K27"/>
    <mergeCell ref="M27:R27"/>
    <mergeCell ref="B28:E28"/>
    <mergeCell ref="F28:K28"/>
    <mergeCell ref="M28:R28"/>
    <mergeCell ref="B25:C25"/>
    <mergeCell ref="D25:E25"/>
    <mergeCell ref="F25:K25"/>
    <mergeCell ref="M25:R25"/>
    <mergeCell ref="U25:W25"/>
    <mergeCell ref="B26:C26"/>
    <mergeCell ref="D26:E26"/>
    <mergeCell ref="F26:K26"/>
    <mergeCell ref="M26:R26"/>
    <mergeCell ref="U26:W26"/>
    <mergeCell ref="B23:C23"/>
    <mergeCell ref="D23:E23"/>
    <mergeCell ref="F23:K23"/>
    <mergeCell ref="M23:R23"/>
    <mergeCell ref="B24:C24"/>
    <mergeCell ref="D24:E24"/>
    <mergeCell ref="F24:K24"/>
    <mergeCell ref="M24:R24"/>
    <mergeCell ref="B21:C21"/>
    <mergeCell ref="D21:E21"/>
    <mergeCell ref="F21:K21"/>
    <mergeCell ref="M21:R21"/>
    <mergeCell ref="B22:C22"/>
    <mergeCell ref="D22:E22"/>
    <mergeCell ref="F22:K22"/>
    <mergeCell ref="M22:R22"/>
    <mergeCell ref="B19:C19"/>
    <mergeCell ref="D19:E19"/>
    <mergeCell ref="F19:K19"/>
    <mergeCell ref="M19:R19"/>
    <mergeCell ref="B20:C20"/>
    <mergeCell ref="D20:E20"/>
    <mergeCell ref="F20:K20"/>
    <mergeCell ref="M20:R20"/>
    <mergeCell ref="B17:C17"/>
    <mergeCell ref="D17:E17"/>
    <mergeCell ref="F17:K17"/>
    <mergeCell ref="M17:R17"/>
    <mergeCell ref="B18:C18"/>
    <mergeCell ref="D18:E18"/>
    <mergeCell ref="F18:K18"/>
    <mergeCell ref="M18:R18"/>
    <mergeCell ref="B3:W3"/>
    <mergeCell ref="Q5:W5"/>
    <mergeCell ref="Q6:W6"/>
    <mergeCell ref="B16:E16"/>
    <mergeCell ref="F16:L16"/>
    <mergeCell ref="M16:S16"/>
  </mergeCells>
  <phoneticPr fontId="1"/>
  <dataValidations count="1">
    <dataValidation type="list" allowBlank="1" showInputMessage="1" showErrorMessage="1" sqref="C9 J9 C12:C13">
      <formula1>"□,■"</formula1>
    </dataValidation>
  </dataValidations>
  <pageMargins left="0.7" right="0.7" top="0.75" bottom="0.75" header="0.3" footer="0.3"/>
  <pageSetup paperSize="9" orientation="portrait"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G123"/>
  <sheetViews>
    <sheetView zoomScaleNormal="100" workbookViewId="0">
      <selection activeCell="F61" sqref="F61"/>
    </sheetView>
  </sheetViews>
  <sheetFormatPr defaultColWidth="4" defaultRowHeight="13.5" x14ac:dyDescent="0.15"/>
  <cols>
    <col min="1" max="1" width="1.5" style="290" customWidth="1"/>
    <col min="2" max="2" width="3.125" style="290" customWidth="1"/>
    <col min="3" max="3" width="1.125" style="290" customWidth="1"/>
    <col min="4" max="22" width="4" style="290"/>
    <col min="23" max="23" width="3.125" style="290" customWidth="1"/>
    <col min="24" max="24" width="2.375" style="290" customWidth="1"/>
    <col min="25" max="25" width="4" style="290"/>
    <col min="26" max="26" width="2.25" style="290" customWidth="1"/>
    <col min="27" max="27" width="4" style="290"/>
    <col min="28" max="28" width="2.375" style="290" customWidth="1"/>
    <col min="29" max="29" width="1.5" style="290" customWidth="1"/>
    <col min="30" max="32" width="4" style="290"/>
    <col min="33" max="33" width="6.625" style="290" bestFit="1" customWidth="1"/>
    <col min="34" max="16384" width="4" style="290"/>
  </cols>
  <sheetData>
    <row r="2" spans="2:33" x14ac:dyDescent="0.15">
      <c r="B2" s="290" t="s">
        <v>499</v>
      </c>
      <c r="C2"/>
      <c r="D2"/>
      <c r="E2"/>
      <c r="F2"/>
      <c r="G2"/>
      <c r="H2"/>
      <c r="I2"/>
      <c r="J2"/>
      <c r="K2"/>
      <c r="L2"/>
      <c r="M2"/>
      <c r="N2"/>
      <c r="O2"/>
      <c r="P2"/>
      <c r="Q2"/>
      <c r="R2"/>
      <c r="S2"/>
      <c r="T2"/>
      <c r="U2"/>
      <c r="V2"/>
      <c r="W2"/>
      <c r="X2"/>
      <c r="Y2"/>
      <c r="Z2"/>
      <c r="AA2"/>
      <c r="AB2"/>
    </row>
    <row r="4" spans="2:33" ht="34.5" customHeight="1" x14ac:dyDescent="0.15">
      <c r="B4" s="528" t="s">
        <v>658</v>
      </c>
      <c r="C4" s="392"/>
      <c r="D4" s="392"/>
      <c r="E4" s="392"/>
      <c r="F4" s="392"/>
      <c r="G4" s="392"/>
      <c r="H4" s="392"/>
      <c r="I4" s="392"/>
      <c r="J4" s="392"/>
      <c r="K4" s="392"/>
      <c r="L4" s="392"/>
      <c r="M4" s="392"/>
      <c r="N4" s="392"/>
      <c r="O4" s="392"/>
      <c r="P4" s="392"/>
      <c r="Q4" s="392"/>
      <c r="R4" s="392"/>
      <c r="S4" s="392"/>
      <c r="T4" s="392"/>
      <c r="U4" s="392"/>
      <c r="V4" s="392"/>
      <c r="W4" s="392"/>
      <c r="X4" s="392"/>
      <c r="Y4" s="392"/>
      <c r="Z4" s="392"/>
      <c r="AA4" s="392"/>
      <c r="AB4" s="392"/>
    </row>
    <row r="5" spans="2:33" ht="16.5" customHeight="1" x14ac:dyDescent="0.15">
      <c r="B5" s="392" t="s">
        <v>659</v>
      </c>
      <c r="C5" s="392"/>
      <c r="D5" s="392"/>
      <c r="E5" s="392"/>
      <c r="F5" s="392"/>
      <c r="G5" s="392"/>
      <c r="H5" s="392"/>
      <c r="I5" s="392"/>
      <c r="J5" s="392"/>
      <c r="K5" s="392"/>
      <c r="L5" s="392"/>
      <c r="M5" s="392"/>
      <c r="N5" s="392"/>
      <c r="O5" s="392"/>
      <c r="P5" s="392"/>
      <c r="Q5" s="392"/>
      <c r="R5" s="392"/>
      <c r="S5" s="392"/>
      <c r="T5" s="392"/>
      <c r="U5" s="392"/>
      <c r="V5" s="392"/>
      <c r="W5" s="392"/>
      <c r="X5" s="392"/>
      <c r="Y5" s="392"/>
      <c r="Z5" s="392"/>
      <c r="AA5" s="392"/>
      <c r="AB5" s="392"/>
      <c r="AC5" s="2"/>
      <c r="AD5" s="2"/>
    </row>
    <row r="6" spans="2:33" ht="13.5" customHeight="1" x14ac:dyDescent="0.15"/>
    <row r="7" spans="2:33" ht="24" customHeight="1" x14ac:dyDescent="0.15">
      <c r="B7" s="393" t="s">
        <v>115</v>
      </c>
      <c r="C7" s="393"/>
      <c r="D7" s="393"/>
      <c r="E7" s="393"/>
      <c r="F7" s="393"/>
      <c r="G7" s="394"/>
      <c r="H7" s="395"/>
      <c r="I7" s="395"/>
      <c r="J7" s="395"/>
      <c r="K7" s="395"/>
      <c r="L7" s="395"/>
      <c r="M7" s="395"/>
      <c r="N7" s="395"/>
      <c r="O7" s="395"/>
      <c r="P7" s="395"/>
      <c r="Q7" s="395"/>
      <c r="R7" s="395"/>
      <c r="S7" s="395"/>
      <c r="T7" s="395"/>
      <c r="U7" s="395"/>
      <c r="V7" s="395"/>
      <c r="W7" s="395"/>
      <c r="X7" s="395"/>
      <c r="Y7" s="395"/>
      <c r="Z7" s="395"/>
      <c r="AA7" s="395"/>
      <c r="AB7" s="396"/>
    </row>
    <row r="8" spans="2:33" ht="24" customHeight="1" x14ac:dyDescent="0.15">
      <c r="B8" s="393" t="s">
        <v>116</v>
      </c>
      <c r="C8" s="393"/>
      <c r="D8" s="393"/>
      <c r="E8" s="393"/>
      <c r="F8" s="393"/>
      <c r="G8" s="250" t="s">
        <v>0</v>
      </c>
      <c r="H8" s="315" t="s">
        <v>87</v>
      </c>
      <c r="I8" s="315"/>
      <c r="J8" s="315"/>
      <c r="K8" s="315"/>
      <c r="L8" s="250" t="s">
        <v>0</v>
      </c>
      <c r="M8" s="315" t="s">
        <v>88</v>
      </c>
      <c r="N8" s="315"/>
      <c r="O8" s="315"/>
      <c r="P8" s="315"/>
      <c r="Q8" s="250" t="s">
        <v>0</v>
      </c>
      <c r="R8" s="315" t="s">
        <v>89</v>
      </c>
      <c r="S8" s="315"/>
      <c r="T8" s="315"/>
      <c r="U8" s="315"/>
      <c r="V8" s="315"/>
      <c r="W8" s="315"/>
      <c r="X8" s="315"/>
      <c r="Y8" s="315"/>
      <c r="Z8" s="286"/>
      <c r="AA8" s="286"/>
      <c r="AB8" s="287"/>
    </row>
    <row r="9" spans="2:33" ht="21.95" customHeight="1" x14ac:dyDescent="0.15">
      <c r="B9" s="401" t="s">
        <v>256</v>
      </c>
      <c r="C9" s="402"/>
      <c r="D9" s="402"/>
      <c r="E9" s="402"/>
      <c r="F9" s="403"/>
      <c r="G9" s="252" t="s">
        <v>0</v>
      </c>
      <c r="H9" s="297" t="s">
        <v>626</v>
      </c>
      <c r="I9" s="265"/>
      <c r="J9" s="265"/>
      <c r="K9" s="265"/>
      <c r="L9" s="265"/>
      <c r="M9" s="265"/>
      <c r="N9" s="265"/>
      <c r="O9" s="265"/>
      <c r="P9" s="265"/>
      <c r="Q9" s="265"/>
      <c r="R9" s="265"/>
      <c r="S9" s="265"/>
      <c r="T9" s="265"/>
      <c r="U9" s="265"/>
      <c r="V9" s="265"/>
      <c r="W9" s="265"/>
      <c r="X9" s="265"/>
      <c r="Y9" s="265"/>
      <c r="Z9" s="265"/>
      <c r="AA9" s="265"/>
      <c r="AB9" s="266"/>
    </row>
    <row r="10" spans="2:33" ht="21.95" customHeight="1" x14ac:dyDescent="0.15">
      <c r="B10" s="404"/>
      <c r="C10" s="405"/>
      <c r="D10" s="405"/>
      <c r="E10" s="405"/>
      <c r="F10" s="406"/>
      <c r="G10" s="255" t="s">
        <v>0</v>
      </c>
      <c r="H10" s="259" t="s">
        <v>627</v>
      </c>
      <c r="I10" s="269"/>
      <c r="J10" s="269"/>
      <c r="K10" s="269"/>
      <c r="L10" s="269"/>
      <c r="M10" s="269"/>
      <c r="N10" s="269"/>
      <c r="O10" s="269"/>
      <c r="P10" s="269"/>
      <c r="Q10" s="269"/>
      <c r="R10" s="269"/>
      <c r="S10" s="269"/>
      <c r="T10" s="269"/>
      <c r="U10" s="269"/>
      <c r="V10" s="269"/>
      <c r="W10" s="269"/>
      <c r="X10" s="269"/>
      <c r="Y10" s="269"/>
      <c r="Z10" s="269"/>
      <c r="AA10" s="269"/>
      <c r="AB10" s="270"/>
    </row>
    <row r="11" spans="2:33" ht="13.5" customHeight="1" x14ac:dyDescent="0.15">
      <c r="AG11" s="188"/>
    </row>
    <row r="12" spans="2:33" ht="12.95" customHeight="1" x14ac:dyDescent="0.15">
      <c r="B12" s="296"/>
      <c r="C12" s="297"/>
      <c r="D12" s="297"/>
      <c r="E12" s="297"/>
      <c r="F12" s="297"/>
      <c r="G12" s="297"/>
      <c r="H12" s="297"/>
      <c r="I12" s="297"/>
      <c r="J12" s="297"/>
      <c r="K12" s="297"/>
      <c r="L12" s="297"/>
      <c r="M12" s="297"/>
      <c r="N12" s="297"/>
      <c r="O12" s="297"/>
      <c r="P12" s="297"/>
      <c r="Q12" s="297"/>
      <c r="R12" s="297"/>
      <c r="S12" s="297"/>
      <c r="T12" s="297"/>
      <c r="U12" s="297"/>
      <c r="V12" s="297"/>
      <c r="W12" s="297"/>
      <c r="X12" s="296"/>
      <c r="Y12" s="297"/>
      <c r="Z12" s="297"/>
      <c r="AA12" s="297"/>
      <c r="AB12" s="298"/>
      <c r="AC12"/>
      <c r="AD12"/>
    </row>
    <row r="13" spans="2:33" ht="17.100000000000001" customHeight="1" x14ac:dyDescent="0.15">
      <c r="B13" s="186" t="s">
        <v>660</v>
      </c>
      <c r="C13" s="187"/>
      <c r="X13" s="295"/>
      <c r="Y13" s="94" t="s">
        <v>94</v>
      </c>
      <c r="Z13" s="94" t="s">
        <v>95</v>
      </c>
      <c r="AA13" s="94" t="s">
        <v>96</v>
      </c>
      <c r="AB13" s="294"/>
      <c r="AC13"/>
      <c r="AD13"/>
    </row>
    <row r="14" spans="2:33" ht="17.100000000000001" customHeight="1" x14ac:dyDescent="0.15">
      <c r="B14" s="295"/>
      <c r="X14" s="295"/>
      <c r="AB14" s="294"/>
      <c r="AC14"/>
      <c r="AD14"/>
    </row>
    <row r="15" spans="2:33" ht="49.15" customHeight="1" x14ac:dyDescent="0.15">
      <c r="B15" s="295"/>
      <c r="C15" s="526" t="s">
        <v>630</v>
      </c>
      <c r="D15" s="526"/>
      <c r="E15" s="526"/>
      <c r="F15" s="285" t="s">
        <v>180</v>
      </c>
      <c r="G15" s="521" t="s">
        <v>644</v>
      </c>
      <c r="H15" s="521"/>
      <c r="I15" s="521"/>
      <c r="J15" s="521"/>
      <c r="K15" s="521"/>
      <c r="L15" s="521"/>
      <c r="M15" s="521"/>
      <c r="N15" s="521"/>
      <c r="O15" s="521"/>
      <c r="P15" s="521"/>
      <c r="Q15" s="521"/>
      <c r="R15" s="521"/>
      <c r="S15" s="521"/>
      <c r="T15" s="521"/>
      <c r="U15" s="521"/>
      <c r="V15" s="522"/>
      <c r="X15" s="295"/>
      <c r="Y15" s="272" t="s">
        <v>0</v>
      </c>
      <c r="Z15" s="272" t="s">
        <v>95</v>
      </c>
      <c r="AA15" s="272" t="s">
        <v>0</v>
      </c>
      <c r="AB15" s="294"/>
      <c r="AC15"/>
      <c r="AD15"/>
    </row>
    <row r="16" spans="2:33" ht="80.25" customHeight="1" x14ac:dyDescent="0.15">
      <c r="B16" s="295"/>
      <c r="C16" s="526"/>
      <c r="D16" s="526"/>
      <c r="E16" s="526"/>
      <c r="F16" s="355"/>
      <c r="G16" s="455" t="s">
        <v>952</v>
      </c>
      <c r="H16" s="455"/>
      <c r="I16" s="455"/>
      <c r="J16" s="455"/>
      <c r="K16" s="455"/>
      <c r="L16" s="455"/>
      <c r="M16" s="455"/>
      <c r="N16" s="455"/>
      <c r="O16" s="455"/>
      <c r="P16" s="455"/>
      <c r="Q16" s="455"/>
      <c r="R16" s="455"/>
      <c r="S16" s="455"/>
      <c r="T16" s="455"/>
      <c r="U16" s="455"/>
      <c r="V16" s="456"/>
      <c r="X16" s="295"/>
      <c r="Y16" s="272" t="s">
        <v>0</v>
      </c>
      <c r="Z16" s="272" t="s">
        <v>95</v>
      </c>
      <c r="AA16" s="272" t="s">
        <v>0</v>
      </c>
      <c r="AB16" s="294"/>
      <c r="AC16"/>
      <c r="AD16"/>
    </row>
    <row r="17" spans="2:30" ht="19.5" customHeight="1" x14ac:dyDescent="0.15">
      <c r="B17" s="295"/>
      <c r="C17" s="526"/>
      <c r="D17" s="526"/>
      <c r="E17" s="526"/>
      <c r="F17" s="225" t="s">
        <v>182</v>
      </c>
      <c r="G17" s="274"/>
      <c r="H17" s="274"/>
      <c r="I17" s="274"/>
      <c r="J17" s="274"/>
      <c r="K17" s="274"/>
      <c r="L17" s="274"/>
      <c r="M17" s="274"/>
      <c r="N17" s="274"/>
      <c r="O17" s="274"/>
      <c r="P17" s="274"/>
      <c r="Q17" s="274"/>
      <c r="R17" s="274"/>
      <c r="S17" s="274"/>
      <c r="T17" s="274"/>
      <c r="U17" s="274"/>
      <c r="V17" s="275"/>
      <c r="X17" s="295"/>
      <c r="AB17" s="294"/>
      <c r="AC17"/>
      <c r="AD17"/>
    </row>
    <row r="18" spans="2:30" ht="19.5" customHeight="1" x14ac:dyDescent="0.15">
      <c r="B18" s="295"/>
      <c r="C18" s="526"/>
      <c r="D18" s="526"/>
      <c r="E18" s="526"/>
      <c r="F18" s="225"/>
      <c r="H18" s="314" t="s">
        <v>661</v>
      </c>
      <c r="I18" s="315"/>
      <c r="J18" s="315"/>
      <c r="K18" s="315"/>
      <c r="L18" s="315"/>
      <c r="M18" s="315"/>
      <c r="N18" s="315"/>
      <c r="O18" s="315"/>
      <c r="P18" s="315"/>
      <c r="Q18" s="321"/>
      <c r="R18" s="398"/>
      <c r="S18" s="399"/>
      <c r="T18" s="399"/>
      <c r="U18" s="287" t="s">
        <v>559</v>
      </c>
      <c r="V18" s="275"/>
      <c r="X18" s="295"/>
      <c r="AB18" s="294"/>
      <c r="AC18"/>
      <c r="AD18"/>
    </row>
    <row r="19" spans="2:30" ht="19.5" customHeight="1" x14ac:dyDescent="0.15">
      <c r="B19" s="295"/>
      <c r="C19" s="526"/>
      <c r="D19" s="526"/>
      <c r="E19" s="526"/>
      <c r="F19" s="225"/>
      <c r="H19" s="314" t="s">
        <v>662</v>
      </c>
      <c r="I19" s="315"/>
      <c r="J19" s="315"/>
      <c r="K19" s="315"/>
      <c r="L19" s="315"/>
      <c r="M19" s="315"/>
      <c r="N19" s="315"/>
      <c r="O19" s="315"/>
      <c r="P19" s="315"/>
      <c r="Q19" s="321"/>
      <c r="R19" s="398"/>
      <c r="S19" s="399"/>
      <c r="T19" s="399"/>
      <c r="U19" s="287" t="s">
        <v>559</v>
      </c>
      <c r="V19" s="275"/>
      <c r="X19" s="295"/>
      <c r="AB19" s="294"/>
      <c r="AC19"/>
      <c r="AD19"/>
    </row>
    <row r="20" spans="2:30" ht="19.5" customHeight="1" x14ac:dyDescent="0.15">
      <c r="B20" s="295"/>
      <c r="C20" s="526"/>
      <c r="D20" s="526"/>
      <c r="E20" s="526"/>
      <c r="F20" s="225"/>
      <c r="H20" s="314" t="s">
        <v>560</v>
      </c>
      <c r="I20" s="315"/>
      <c r="J20" s="315"/>
      <c r="K20" s="315"/>
      <c r="L20" s="315"/>
      <c r="M20" s="315"/>
      <c r="N20" s="315"/>
      <c r="O20" s="315"/>
      <c r="P20" s="315"/>
      <c r="Q20" s="321"/>
      <c r="R20" s="560" t="str">
        <f>(IFERROR(ROUNDDOWN(R19/R18*100,0),""))</f>
        <v/>
      </c>
      <c r="S20" s="561"/>
      <c r="T20" s="561"/>
      <c r="U20" s="287" t="s">
        <v>60</v>
      </c>
      <c r="V20" s="275"/>
      <c r="X20" s="295"/>
      <c r="AB20" s="294"/>
      <c r="AC20"/>
      <c r="AD20"/>
    </row>
    <row r="21" spans="2:30" ht="19.5" customHeight="1" x14ac:dyDescent="0.15">
      <c r="B21" s="295"/>
      <c r="C21" s="526"/>
      <c r="D21" s="526"/>
      <c r="E21" s="526"/>
      <c r="F21" s="318"/>
      <c r="G21" s="269"/>
      <c r="H21" s="269"/>
      <c r="I21" s="269"/>
      <c r="J21" s="269"/>
      <c r="K21" s="269"/>
      <c r="L21" s="269"/>
      <c r="M21" s="269"/>
      <c r="N21" s="269"/>
      <c r="O21" s="269"/>
      <c r="P21" s="269"/>
      <c r="Q21" s="269"/>
      <c r="R21" s="269"/>
      <c r="S21" s="269"/>
      <c r="T21" s="269"/>
      <c r="U21" s="269"/>
      <c r="V21" s="270"/>
      <c r="X21" s="295"/>
      <c r="AB21" s="294"/>
      <c r="AC21"/>
      <c r="AD21"/>
    </row>
    <row r="22" spans="2:30" ht="63" customHeight="1" x14ac:dyDescent="0.15">
      <c r="B22" s="295"/>
      <c r="C22" s="526"/>
      <c r="D22" s="526"/>
      <c r="E22" s="526"/>
      <c r="F22" s="318" t="s">
        <v>264</v>
      </c>
      <c r="G22" s="520" t="s">
        <v>663</v>
      </c>
      <c r="H22" s="521"/>
      <c r="I22" s="521"/>
      <c r="J22" s="521"/>
      <c r="K22" s="521"/>
      <c r="L22" s="521"/>
      <c r="M22" s="521"/>
      <c r="N22" s="521"/>
      <c r="O22" s="521"/>
      <c r="P22" s="521"/>
      <c r="Q22" s="521"/>
      <c r="R22" s="521"/>
      <c r="S22" s="521"/>
      <c r="T22" s="521"/>
      <c r="U22" s="521"/>
      <c r="V22" s="522"/>
      <c r="X22" s="295"/>
      <c r="Y22" s="272" t="s">
        <v>0</v>
      </c>
      <c r="Z22" s="272" t="s">
        <v>95</v>
      </c>
      <c r="AA22" s="272" t="s">
        <v>0</v>
      </c>
      <c r="AB22" s="294"/>
      <c r="AC22"/>
      <c r="AD22"/>
    </row>
    <row r="23" spans="2:30" ht="37.15" customHeight="1" x14ac:dyDescent="0.15">
      <c r="B23" s="295"/>
      <c r="C23" s="526"/>
      <c r="D23" s="526"/>
      <c r="E23" s="526"/>
      <c r="F23" s="318" t="s">
        <v>266</v>
      </c>
      <c r="G23" s="520" t="s">
        <v>664</v>
      </c>
      <c r="H23" s="521"/>
      <c r="I23" s="521"/>
      <c r="J23" s="521"/>
      <c r="K23" s="521"/>
      <c r="L23" s="521"/>
      <c r="M23" s="521"/>
      <c r="N23" s="521"/>
      <c r="O23" s="521"/>
      <c r="P23" s="521"/>
      <c r="Q23" s="521"/>
      <c r="R23" s="521"/>
      <c r="S23" s="521"/>
      <c r="T23" s="521"/>
      <c r="U23" s="521"/>
      <c r="V23" s="522"/>
      <c r="X23" s="295"/>
      <c r="Y23" s="272" t="s">
        <v>0</v>
      </c>
      <c r="Z23" s="272" t="s">
        <v>95</v>
      </c>
      <c r="AA23" s="272" t="s">
        <v>0</v>
      </c>
      <c r="AB23" s="294"/>
      <c r="AC23"/>
      <c r="AD23"/>
    </row>
    <row r="24" spans="2:30" ht="16.899999999999999" customHeight="1" x14ac:dyDescent="0.15">
      <c r="B24" s="295"/>
      <c r="C24" s="335"/>
      <c r="D24" s="335"/>
      <c r="E24" s="335"/>
      <c r="F24" s="272"/>
      <c r="G24" s="274"/>
      <c r="H24" s="274"/>
      <c r="I24" s="274"/>
      <c r="J24" s="274"/>
      <c r="K24" s="274"/>
      <c r="L24" s="274"/>
      <c r="M24" s="274"/>
      <c r="N24" s="274"/>
      <c r="O24" s="274"/>
      <c r="P24" s="274"/>
      <c r="Q24" s="274"/>
      <c r="R24" s="274"/>
      <c r="S24" s="274"/>
      <c r="T24" s="274"/>
      <c r="U24" s="274"/>
      <c r="V24" s="274"/>
      <c r="X24" s="295"/>
      <c r="AB24" s="294"/>
      <c r="AC24"/>
      <c r="AD24"/>
    </row>
    <row r="25" spans="2:30" ht="49.9" customHeight="1" x14ac:dyDescent="0.15">
      <c r="B25" s="295"/>
      <c r="C25" s="529" t="s">
        <v>665</v>
      </c>
      <c r="D25" s="529"/>
      <c r="E25" s="529"/>
      <c r="F25" s="285" t="s">
        <v>180</v>
      </c>
      <c r="G25" s="520" t="s">
        <v>649</v>
      </c>
      <c r="H25" s="521"/>
      <c r="I25" s="521"/>
      <c r="J25" s="521"/>
      <c r="K25" s="521"/>
      <c r="L25" s="521"/>
      <c r="M25" s="521"/>
      <c r="N25" s="521"/>
      <c r="O25" s="521"/>
      <c r="P25" s="521"/>
      <c r="Q25" s="521"/>
      <c r="R25" s="521"/>
      <c r="S25" s="521"/>
      <c r="T25" s="521"/>
      <c r="U25" s="521"/>
      <c r="V25" s="522"/>
      <c r="X25" s="295"/>
      <c r="Y25" s="272" t="s">
        <v>0</v>
      </c>
      <c r="Z25" s="272" t="s">
        <v>95</v>
      </c>
      <c r="AA25" s="272" t="s">
        <v>0</v>
      </c>
      <c r="AB25" s="294"/>
      <c r="AC25"/>
      <c r="AD25"/>
    </row>
    <row r="26" spans="2:30" ht="79.150000000000006" customHeight="1" x14ac:dyDescent="0.15">
      <c r="B26" s="295"/>
      <c r="C26" s="529"/>
      <c r="D26" s="529"/>
      <c r="E26" s="529"/>
      <c r="F26" s="355"/>
      <c r="G26" s="455" t="s">
        <v>953</v>
      </c>
      <c r="H26" s="455"/>
      <c r="I26" s="455"/>
      <c r="J26" s="455"/>
      <c r="K26" s="455"/>
      <c r="L26" s="455"/>
      <c r="M26" s="455"/>
      <c r="N26" s="455"/>
      <c r="O26" s="455"/>
      <c r="P26" s="455"/>
      <c r="Q26" s="455"/>
      <c r="R26" s="455"/>
      <c r="S26" s="455"/>
      <c r="T26" s="455"/>
      <c r="U26" s="455"/>
      <c r="V26" s="456"/>
      <c r="X26" s="295"/>
      <c r="Y26" s="272" t="s">
        <v>0</v>
      </c>
      <c r="Z26" s="272" t="s">
        <v>95</v>
      </c>
      <c r="AA26" s="272" t="s">
        <v>0</v>
      </c>
      <c r="AB26" s="294"/>
      <c r="AC26"/>
      <c r="AD26"/>
    </row>
    <row r="27" spans="2:30" ht="19.5" customHeight="1" x14ac:dyDescent="0.15">
      <c r="B27" s="295"/>
      <c r="C27" s="529"/>
      <c r="D27" s="529"/>
      <c r="E27" s="529"/>
      <c r="F27" s="225" t="s">
        <v>182</v>
      </c>
      <c r="G27" s="274"/>
      <c r="H27" s="274"/>
      <c r="I27" s="274"/>
      <c r="J27" s="274"/>
      <c r="K27" s="274"/>
      <c r="L27" s="274"/>
      <c r="M27" s="274"/>
      <c r="N27" s="274"/>
      <c r="O27" s="274"/>
      <c r="P27" s="274"/>
      <c r="Q27" s="274"/>
      <c r="R27" s="274"/>
      <c r="S27" s="274"/>
      <c r="T27" s="274"/>
      <c r="U27" s="274"/>
      <c r="V27" s="275"/>
      <c r="X27" s="295"/>
      <c r="AB27" s="294"/>
      <c r="AC27"/>
      <c r="AD27"/>
    </row>
    <row r="28" spans="2:30" ht="19.5" customHeight="1" x14ac:dyDescent="0.15">
      <c r="B28" s="295"/>
      <c r="C28" s="529"/>
      <c r="D28" s="529"/>
      <c r="E28" s="529"/>
      <c r="F28" s="225"/>
      <c r="H28" s="314" t="s">
        <v>661</v>
      </c>
      <c r="I28" s="315"/>
      <c r="J28" s="315"/>
      <c r="K28" s="315"/>
      <c r="L28" s="315"/>
      <c r="M28" s="315"/>
      <c r="N28" s="315"/>
      <c r="O28" s="315"/>
      <c r="P28" s="315"/>
      <c r="Q28" s="321"/>
      <c r="R28" s="398"/>
      <c r="S28" s="399"/>
      <c r="T28" s="399"/>
      <c r="U28" s="287" t="s">
        <v>559</v>
      </c>
      <c r="V28" s="275"/>
      <c r="X28" s="295"/>
      <c r="AB28" s="294"/>
      <c r="AC28"/>
      <c r="AD28"/>
    </row>
    <row r="29" spans="2:30" ht="19.5" customHeight="1" x14ac:dyDescent="0.15">
      <c r="B29" s="295"/>
      <c r="C29" s="529"/>
      <c r="D29" s="529"/>
      <c r="E29" s="529"/>
      <c r="F29" s="225"/>
      <c r="H29" s="314" t="s">
        <v>662</v>
      </c>
      <c r="I29" s="315"/>
      <c r="J29" s="315"/>
      <c r="K29" s="315"/>
      <c r="L29" s="315"/>
      <c r="M29" s="315"/>
      <c r="N29" s="315"/>
      <c r="O29" s="315"/>
      <c r="P29" s="315"/>
      <c r="Q29" s="321"/>
      <c r="R29" s="398"/>
      <c r="S29" s="399"/>
      <c r="T29" s="399"/>
      <c r="U29" s="287" t="s">
        <v>559</v>
      </c>
      <c r="V29" s="275"/>
      <c r="X29" s="295"/>
      <c r="AB29" s="294"/>
      <c r="AC29"/>
      <c r="AD29"/>
    </row>
    <row r="30" spans="2:30" ht="19.149999999999999" customHeight="1" x14ac:dyDescent="0.15">
      <c r="B30" s="295"/>
      <c r="C30" s="529"/>
      <c r="D30" s="529"/>
      <c r="E30" s="529"/>
      <c r="F30" s="225"/>
      <c r="H30" s="314" t="s">
        <v>560</v>
      </c>
      <c r="I30" s="315"/>
      <c r="J30" s="315"/>
      <c r="K30" s="315"/>
      <c r="L30" s="315"/>
      <c r="M30" s="315"/>
      <c r="N30" s="315"/>
      <c r="O30" s="315"/>
      <c r="P30" s="315"/>
      <c r="Q30" s="321"/>
      <c r="R30" s="560" t="str">
        <f>(IFERROR(ROUNDDOWN(R29/R28*100,0),""))</f>
        <v/>
      </c>
      <c r="S30" s="561"/>
      <c r="T30" s="561"/>
      <c r="U30" s="287" t="s">
        <v>60</v>
      </c>
      <c r="V30" s="275"/>
      <c r="X30" s="295"/>
      <c r="AB30" s="294"/>
      <c r="AC30"/>
      <c r="AD30"/>
    </row>
    <row r="31" spans="2:30" ht="19.899999999999999" customHeight="1" x14ac:dyDescent="0.15">
      <c r="B31" s="295"/>
      <c r="C31" s="529"/>
      <c r="D31" s="529"/>
      <c r="E31" s="529"/>
      <c r="F31" s="318"/>
      <c r="G31" s="269"/>
      <c r="H31" s="269"/>
      <c r="I31" s="269"/>
      <c r="J31" s="269"/>
      <c r="K31" s="269"/>
      <c r="L31" s="269"/>
      <c r="M31" s="269"/>
      <c r="N31" s="269"/>
      <c r="O31" s="269"/>
      <c r="P31" s="269"/>
      <c r="Q31" s="269"/>
      <c r="R31" s="269"/>
      <c r="S31" s="269"/>
      <c r="T31" s="269"/>
      <c r="U31" s="269"/>
      <c r="V31" s="270"/>
      <c r="X31" s="295"/>
      <c r="AB31" s="294"/>
      <c r="AC31"/>
      <c r="AD31"/>
    </row>
    <row r="32" spans="2:30" ht="63" customHeight="1" x14ac:dyDescent="0.15">
      <c r="B32" s="295"/>
      <c r="C32" s="529"/>
      <c r="D32" s="529"/>
      <c r="E32" s="529"/>
      <c r="F32" s="285" t="s">
        <v>264</v>
      </c>
      <c r="G32" s="449" t="s">
        <v>666</v>
      </c>
      <c r="H32" s="449"/>
      <c r="I32" s="449"/>
      <c r="J32" s="449"/>
      <c r="K32" s="449"/>
      <c r="L32" s="449"/>
      <c r="M32" s="449"/>
      <c r="N32" s="449"/>
      <c r="O32" s="449"/>
      <c r="P32" s="449"/>
      <c r="Q32" s="449"/>
      <c r="R32" s="449"/>
      <c r="S32" s="449"/>
      <c r="T32" s="449"/>
      <c r="U32" s="449"/>
      <c r="V32" s="449"/>
      <c r="X32" s="295"/>
      <c r="Y32" s="272" t="s">
        <v>0</v>
      </c>
      <c r="Z32" s="272" t="s">
        <v>95</v>
      </c>
      <c r="AA32" s="272" t="s">
        <v>0</v>
      </c>
      <c r="AB32" s="294"/>
      <c r="AC32"/>
    </row>
    <row r="33" spans="2:29" ht="32.450000000000003" customHeight="1" x14ac:dyDescent="0.15">
      <c r="B33" s="295"/>
      <c r="C33" s="529"/>
      <c r="D33" s="529"/>
      <c r="E33" s="529"/>
      <c r="F33" s="318" t="s">
        <v>266</v>
      </c>
      <c r="G33" s="520" t="s">
        <v>664</v>
      </c>
      <c r="H33" s="521"/>
      <c r="I33" s="521"/>
      <c r="J33" s="521"/>
      <c r="K33" s="521"/>
      <c r="L33" s="521"/>
      <c r="M33" s="521"/>
      <c r="N33" s="521"/>
      <c r="O33" s="521"/>
      <c r="P33" s="521"/>
      <c r="Q33" s="521"/>
      <c r="R33" s="521"/>
      <c r="S33" s="521"/>
      <c r="T33" s="521"/>
      <c r="U33" s="521"/>
      <c r="V33" s="522"/>
      <c r="X33" s="295"/>
      <c r="Y33" s="272" t="s">
        <v>0</v>
      </c>
      <c r="Z33" s="272" t="s">
        <v>95</v>
      </c>
      <c r="AA33" s="272" t="s">
        <v>0</v>
      </c>
      <c r="AB33" s="294"/>
      <c r="AC33"/>
    </row>
    <row r="34" spans="2:29" x14ac:dyDescent="0.15">
      <c r="B34" s="299"/>
      <c r="C34" s="259"/>
      <c r="D34" s="259"/>
      <c r="E34" s="259"/>
      <c r="F34" s="259"/>
      <c r="G34" s="259"/>
      <c r="H34" s="259"/>
      <c r="I34" s="259"/>
      <c r="J34" s="259"/>
      <c r="K34" s="259"/>
      <c r="L34" s="259"/>
      <c r="M34" s="259"/>
      <c r="N34" s="259"/>
      <c r="O34" s="259"/>
      <c r="P34" s="259"/>
      <c r="Q34" s="259"/>
      <c r="R34" s="259"/>
      <c r="S34" s="259"/>
      <c r="T34" s="259"/>
      <c r="U34" s="259"/>
      <c r="V34" s="259"/>
      <c r="W34" s="259"/>
      <c r="X34" s="299"/>
      <c r="Y34" s="259"/>
      <c r="Z34" s="259"/>
      <c r="AA34" s="259"/>
      <c r="AB34" s="300"/>
    </row>
    <row r="36" spans="2:29" x14ac:dyDescent="0.15">
      <c r="B36" s="290" t="s">
        <v>280</v>
      </c>
    </row>
    <row r="37" spans="2:29" x14ac:dyDescent="0.15">
      <c r="B37" s="290" t="s">
        <v>281</v>
      </c>
      <c r="K37"/>
      <c r="L37"/>
      <c r="M37"/>
      <c r="N37"/>
      <c r="O37"/>
      <c r="P37"/>
      <c r="Q37"/>
      <c r="R37"/>
      <c r="S37"/>
      <c r="T37"/>
      <c r="U37"/>
      <c r="V37"/>
      <c r="W37"/>
      <c r="X37"/>
      <c r="Y37"/>
      <c r="Z37"/>
      <c r="AA37"/>
    </row>
    <row r="122" spans="3:7" x14ac:dyDescent="0.15">
      <c r="C122" s="259"/>
      <c r="D122" s="259"/>
      <c r="E122" s="259"/>
      <c r="F122" s="259"/>
      <c r="G122" s="259"/>
    </row>
    <row r="123" spans="3:7" x14ac:dyDescent="0.15">
      <c r="C123" s="297"/>
    </row>
  </sheetData>
  <mergeCells count="22">
    <mergeCell ref="C25:E33"/>
    <mergeCell ref="G25:V25"/>
    <mergeCell ref="G26:V26"/>
    <mergeCell ref="R28:T28"/>
    <mergeCell ref="R29:T29"/>
    <mergeCell ref="R30:T30"/>
    <mergeCell ref="G32:V32"/>
    <mergeCell ref="G33:V33"/>
    <mergeCell ref="C15:E23"/>
    <mergeCell ref="G15:V15"/>
    <mergeCell ref="G16:V16"/>
    <mergeCell ref="R18:T18"/>
    <mergeCell ref="R19:T19"/>
    <mergeCell ref="R20:T20"/>
    <mergeCell ref="G22:V22"/>
    <mergeCell ref="G23:V23"/>
    <mergeCell ref="B9:F10"/>
    <mergeCell ref="B4:AB4"/>
    <mergeCell ref="B5:AB5"/>
    <mergeCell ref="B7:F7"/>
    <mergeCell ref="G7:AB7"/>
    <mergeCell ref="B8:F8"/>
  </mergeCells>
  <phoneticPr fontId="1"/>
  <dataValidations count="1">
    <dataValidation type="list" allowBlank="1" showInputMessage="1" showErrorMessage="1" sqref="Y15:Y16 AA15:AA16 AA22:AA23 Q8 Y25:Y26 AA25:AA26 AA32:AA33 Y22:Y23 G8:G10 L8 Y32:Y33">
      <formula1>"□,■"</formula1>
    </dataValidation>
  </dataValidations>
  <pageMargins left="0.7" right="0.7" top="0.75" bottom="0.75" header="0.3" footer="0.3"/>
  <pageSetup paperSize="9" scale="82"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B36"/>
  <sheetViews>
    <sheetView zoomScaleNormal="100" workbookViewId="0">
      <selection activeCell="F61" sqref="F61"/>
    </sheetView>
  </sheetViews>
  <sheetFormatPr defaultColWidth="4" defaultRowHeight="13.5" x14ac:dyDescent="0.15"/>
  <cols>
    <col min="1" max="1" width="1" style="290" customWidth="1"/>
    <col min="2" max="2" width="2.375" style="290" customWidth="1"/>
    <col min="3" max="3" width="4" style="290"/>
    <col min="4" max="21" width="3.625" style="290" customWidth="1"/>
    <col min="22" max="22" width="3.25" style="290" customWidth="1"/>
    <col min="23" max="23" width="3.625" style="290" customWidth="1"/>
    <col min="24" max="28" width="3.25" style="290" customWidth="1"/>
    <col min="29" max="29" width="0.875" style="290" customWidth="1"/>
    <col min="30" max="16384" width="4" style="290"/>
  </cols>
  <sheetData>
    <row r="2" spans="2:28" x14ac:dyDescent="0.15">
      <c r="B2" s="290" t="s">
        <v>442</v>
      </c>
    </row>
    <row r="3" spans="2:28" x14ac:dyDescent="0.15">
      <c r="Q3" s="353"/>
      <c r="R3" s="353"/>
      <c r="S3" s="153" t="s">
        <v>9</v>
      </c>
      <c r="T3" s="408"/>
      <c r="U3" s="408"/>
      <c r="V3" s="276" t="s">
        <v>10</v>
      </c>
      <c r="W3" s="408"/>
      <c r="X3" s="408"/>
      <c r="Y3" s="276" t="s">
        <v>80</v>
      </c>
      <c r="Z3" s="408"/>
      <c r="AA3" s="408"/>
      <c r="AB3" s="276" t="s">
        <v>81</v>
      </c>
    </row>
    <row r="4" spans="2:28" x14ac:dyDescent="0.15">
      <c r="S4" s="353"/>
      <c r="T4" s="353"/>
      <c r="U4" s="353"/>
    </row>
    <row r="5" spans="2:28" x14ac:dyDescent="0.15">
      <c r="B5" s="392" t="s">
        <v>443</v>
      </c>
      <c r="C5" s="392"/>
      <c r="D5" s="392"/>
      <c r="E5" s="392"/>
      <c r="F5" s="392"/>
      <c r="G5" s="392"/>
      <c r="H5" s="392"/>
      <c r="I5" s="392"/>
      <c r="J5" s="392"/>
      <c r="K5" s="392"/>
      <c r="L5" s="392"/>
      <c r="M5" s="392"/>
      <c r="N5" s="392"/>
      <c r="O5" s="392"/>
      <c r="P5" s="392"/>
      <c r="Q5" s="392"/>
      <c r="R5" s="392"/>
      <c r="S5" s="392"/>
      <c r="T5" s="392"/>
      <c r="U5" s="392"/>
      <c r="V5" s="392"/>
      <c r="W5" s="392"/>
      <c r="X5" s="392"/>
      <c r="Y5" s="392"/>
      <c r="Z5" s="392"/>
      <c r="AA5" s="392"/>
      <c r="AB5" s="392"/>
    </row>
    <row r="7" spans="2:28" ht="23.25" customHeight="1" x14ac:dyDescent="0.15">
      <c r="B7" s="398" t="s">
        <v>292</v>
      </c>
      <c r="C7" s="399"/>
      <c r="D7" s="399"/>
      <c r="E7" s="399"/>
      <c r="F7" s="400"/>
      <c r="G7" s="249"/>
      <c r="H7" s="250"/>
      <c r="I7" s="286"/>
      <c r="J7" s="286"/>
      <c r="K7" s="286"/>
      <c r="L7" s="286"/>
      <c r="M7" s="315"/>
      <c r="N7" s="315"/>
      <c r="O7" s="315"/>
      <c r="P7" s="315"/>
      <c r="Q7" s="315"/>
      <c r="R7" s="315"/>
      <c r="S7" s="315"/>
      <c r="T7" s="315"/>
      <c r="U7" s="315"/>
      <c r="V7" s="315"/>
      <c r="W7" s="315"/>
      <c r="X7" s="315"/>
      <c r="Y7" s="315"/>
      <c r="Z7" s="315"/>
      <c r="AA7" s="315"/>
      <c r="AB7" s="321"/>
    </row>
    <row r="8" spans="2:28" ht="23.25" customHeight="1" x14ac:dyDescent="0.15">
      <c r="B8" s="398" t="s">
        <v>293</v>
      </c>
      <c r="C8" s="399"/>
      <c r="D8" s="399"/>
      <c r="E8" s="399"/>
      <c r="F8" s="400"/>
      <c r="G8" s="107" t="s">
        <v>4</v>
      </c>
      <c r="H8" s="315" t="s">
        <v>87</v>
      </c>
      <c r="I8" s="315"/>
      <c r="J8" s="315"/>
      <c r="K8" s="315"/>
      <c r="L8" s="108" t="s">
        <v>0</v>
      </c>
      <c r="M8" s="315" t="s">
        <v>88</v>
      </c>
      <c r="N8" s="315"/>
      <c r="O8" s="315"/>
      <c r="P8" s="315"/>
      <c r="Q8" s="108" t="s">
        <v>0</v>
      </c>
      <c r="R8" s="315" t="s">
        <v>89</v>
      </c>
      <c r="S8" s="315"/>
      <c r="T8" s="250"/>
      <c r="U8" s="250"/>
      <c r="V8" s="250"/>
      <c r="W8" s="250"/>
      <c r="X8" s="250"/>
      <c r="Y8" s="250"/>
      <c r="Z8" s="250"/>
      <c r="AA8" s="250"/>
      <c r="AB8" s="251"/>
    </row>
    <row r="10" spans="2:28" x14ac:dyDescent="0.15">
      <c r="B10" s="296"/>
      <c r="C10" s="297"/>
      <c r="D10" s="297"/>
      <c r="E10" s="297"/>
      <c r="F10" s="297"/>
      <c r="G10" s="297"/>
      <c r="H10" s="297"/>
      <c r="I10" s="297"/>
      <c r="J10" s="297"/>
      <c r="K10" s="297"/>
      <c r="L10" s="297"/>
      <c r="M10" s="297"/>
      <c r="N10" s="297"/>
      <c r="O10" s="297"/>
      <c r="P10" s="297"/>
      <c r="Q10" s="297"/>
      <c r="R10" s="297"/>
      <c r="S10" s="297"/>
      <c r="T10" s="297"/>
      <c r="U10" s="297"/>
      <c r="V10" s="297"/>
      <c r="W10" s="297"/>
      <c r="X10" s="296"/>
      <c r="Y10" s="297"/>
      <c r="Z10" s="297"/>
      <c r="AA10" s="297"/>
      <c r="AB10" s="298"/>
    </row>
    <row r="11" spans="2:28" x14ac:dyDescent="0.15">
      <c r="B11" s="295"/>
      <c r="X11" s="295"/>
      <c r="AB11" s="294"/>
    </row>
    <row r="12" spans="2:28" ht="27" customHeight="1" x14ac:dyDescent="0.15">
      <c r="B12" s="295"/>
      <c r="X12" s="295"/>
      <c r="Y12" s="94"/>
      <c r="Z12" s="94"/>
      <c r="AA12" s="94"/>
      <c r="AB12" s="294"/>
    </row>
    <row r="13" spans="2:28" ht="27" customHeight="1" x14ac:dyDescent="0.15">
      <c r="B13" s="295"/>
      <c r="C13" s="290" t="s">
        <v>444</v>
      </c>
      <c r="X13" s="91"/>
      <c r="Y13" s="94" t="s">
        <v>94</v>
      </c>
      <c r="Z13" s="94" t="s">
        <v>95</v>
      </c>
      <c r="AA13" s="94" t="s">
        <v>96</v>
      </c>
      <c r="AB13" s="88"/>
    </row>
    <row r="14" spans="2:28" ht="27" customHeight="1" x14ac:dyDescent="0.15">
      <c r="B14" s="295"/>
      <c r="C14" s="290" t="s">
        <v>445</v>
      </c>
      <c r="X14" s="91"/>
      <c r="Y14" s="109" t="s">
        <v>0</v>
      </c>
      <c r="Z14" s="109" t="s">
        <v>95</v>
      </c>
      <c r="AA14" s="109" t="s">
        <v>0</v>
      </c>
      <c r="AB14" s="88"/>
    </row>
    <row r="15" spans="2:28" ht="7.5" customHeight="1" x14ac:dyDescent="0.15">
      <c r="B15" s="295"/>
      <c r="X15" s="91"/>
      <c r="Y15" s="2"/>
      <c r="Z15" s="2"/>
      <c r="AA15" s="2"/>
      <c r="AB15" s="88"/>
    </row>
    <row r="16" spans="2:28" ht="18" customHeight="1" x14ac:dyDescent="0.15">
      <c r="B16" s="295"/>
      <c r="D16" s="290" t="s">
        <v>446</v>
      </c>
      <c r="X16" s="91"/>
      <c r="Y16" s="2"/>
      <c r="Z16" s="2"/>
      <c r="AA16" s="2"/>
      <c r="AB16" s="88"/>
    </row>
    <row r="17" spans="2:28" ht="27" customHeight="1" x14ac:dyDescent="0.15">
      <c r="B17" s="295"/>
      <c r="D17" s="409"/>
      <c r="E17" s="410"/>
      <c r="F17" s="410"/>
      <c r="G17" s="410"/>
      <c r="H17" s="410"/>
      <c r="I17" s="410"/>
      <c r="J17" s="410"/>
      <c r="K17" s="410"/>
      <c r="L17" s="410"/>
      <c r="M17" s="410"/>
      <c r="N17" s="410"/>
      <c r="O17" s="410"/>
      <c r="P17" s="410"/>
      <c r="Q17" s="410"/>
      <c r="R17" s="410"/>
      <c r="S17" s="410"/>
      <c r="T17" s="410"/>
      <c r="U17" s="411"/>
      <c r="X17" s="291"/>
      <c r="Y17" s="272"/>
      <c r="Z17" s="272"/>
      <c r="AA17" s="272"/>
      <c r="AB17" s="292"/>
    </row>
    <row r="18" spans="2:28" ht="27" customHeight="1" x14ac:dyDescent="0.15">
      <c r="B18" s="295"/>
      <c r="D18" s="412"/>
      <c r="E18" s="413"/>
      <c r="F18" s="413"/>
      <c r="G18" s="413"/>
      <c r="H18" s="413"/>
      <c r="I18" s="413"/>
      <c r="J18" s="413"/>
      <c r="K18" s="413"/>
      <c r="L18" s="413"/>
      <c r="M18" s="413"/>
      <c r="N18" s="413"/>
      <c r="O18" s="413"/>
      <c r="P18" s="413"/>
      <c r="Q18" s="413"/>
      <c r="R18" s="413"/>
      <c r="S18" s="413"/>
      <c r="T18" s="413"/>
      <c r="U18" s="414"/>
      <c r="X18" s="291"/>
      <c r="Y18" s="272"/>
      <c r="Z18" s="272"/>
      <c r="AA18" s="272"/>
      <c r="AB18" s="292"/>
    </row>
    <row r="19" spans="2:28" ht="27" customHeight="1" x14ac:dyDescent="0.15">
      <c r="B19" s="295"/>
      <c r="D19" s="412"/>
      <c r="E19" s="413"/>
      <c r="F19" s="413"/>
      <c r="G19" s="413"/>
      <c r="H19" s="413"/>
      <c r="I19" s="413"/>
      <c r="J19" s="413"/>
      <c r="K19" s="413"/>
      <c r="L19" s="413"/>
      <c r="M19" s="413"/>
      <c r="N19" s="413"/>
      <c r="O19" s="413"/>
      <c r="P19" s="413"/>
      <c r="Q19" s="413"/>
      <c r="R19" s="413"/>
      <c r="S19" s="413"/>
      <c r="T19" s="413"/>
      <c r="U19" s="414"/>
      <c r="X19" s="291"/>
      <c r="Y19" s="272"/>
      <c r="Z19" s="272"/>
      <c r="AA19" s="272"/>
      <c r="AB19" s="292"/>
    </row>
    <row r="20" spans="2:28" ht="27" customHeight="1" x14ac:dyDescent="0.15">
      <c r="B20" s="295"/>
      <c r="D20" s="415"/>
      <c r="E20" s="416"/>
      <c r="F20" s="416"/>
      <c r="G20" s="416"/>
      <c r="H20" s="416"/>
      <c r="I20" s="416"/>
      <c r="J20" s="416"/>
      <c r="K20" s="416"/>
      <c r="L20" s="416"/>
      <c r="M20" s="416"/>
      <c r="N20" s="416"/>
      <c r="O20" s="416"/>
      <c r="P20" s="416"/>
      <c r="Q20" s="416"/>
      <c r="R20" s="416"/>
      <c r="S20" s="416"/>
      <c r="T20" s="416"/>
      <c r="U20" s="417"/>
      <c r="X20" s="291"/>
      <c r="Y20" s="272"/>
      <c r="Z20" s="272"/>
      <c r="AA20" s="272"/>
      <c r="AB20" s="292"/>
    </row>
    <row r="21" spans="2:28" ht="8.25" customHeight="1" x14ac:dyDescent="0.15">
      <c r="B21" s="295"/>
      <c r="X21" s="291"/>
      <c r="Y21" s="272"/>
      <c r="Z21" s="272"/>
      <c r="AA21" s="272"/>
      <c r="AB21" s="292"/>
    </row>
    <row r="22" spans="2:28" ht="7.5" customHeight="1" x14ac:dyDescent="0.15">
      <c r="B22" s="295"/>
      <c r="X22" s="291"/>
      <c r="Y22" s="272"/>
      <c r="Z22" s="272"/>
      <c r="AA22" s="272"/>
      <c r="AB22" s="292"/>
    </row>
    <row r="23" spans="2:28" ht="27" customHeight="1" x14ac:dyDescent="0.15">
      <c r="B23" s="295"/>
      <c r="C23" s="290" t="s">
        <v>447</v>
      </c>
      <c r="X23" s="91"/>
      <c r="Y23" s="94" t="s">
        <v>94</v>
      </c>
      <c r="Z23" s="94" t="s">
        <v>95</v>
      </c>
      <c r="AA23" s="94" t="s">
        <v>96</v>
      </c>
      <c r="AB23" s="88"/>
    </row>
    <row r="24" spans="2:28" ht="27" customHeight="1" x14ac:dyDescent="0.15">
      <c r="B24" s="295"/>
      <c r="X24" s="91"/>
      <c r="Y24" s="109" t="s">
        <v>0</v>
      </c>
      <c r="Z24" s="109" t="s">
        <v>95</v>
      </c>
      <c r="AA24" s="109" t="s">
        <v>0</v>
      </c>
      <c r="AB24" s="88"/>
    </row>
    <row r="25" spans="2:28" ht="27" customHeight="1" x14ac:dyDescent="0.15">
      <c r="B25" s="295"/>
      <c r="X25" s="291"/>
      <c r="Y25" s="272"/>
      <c r="Z25" s="272"/>
      <c r="AA25" s="272"/>
      <c r="AB25" s="292"/>
    </row>
    <row r="26" spans="2:28" ht="27" customHeight="1" x14ac:dyDescent="0.15">
      <c r="B26" s="295"/>
      <c r="C26" s="290" t="s">
        <v>448</v>
      </c>
      <c r="X26" s="91"/>
      <c r="Y26" s="94" t="s">
        <v>94</v>
      </c>
      <c r="Z26" s="94" t="s">
        <v>95</v>
      </c>
      <c r="AA26" s="94" t="s">
        <v>96</v>
      </c>
      <c r="AB26" s="88"/>
    </row>
    <row r="27" spans="2:28" ht="27" customHeight="1" x14ac:dyDescent="0.15">
      <c r="B27" s="295"/>
      <c r="C27" s="290" t="s">
        <v>449</v>
      </c>
      <c r="X27" s="91"/>
      <c r="Y27" s="109" t="s">
        <v>4</v>
      </c>
      <c r="Z27" s="109" t="s">
        <v>95</v>
      </c>
      <c r="AA27" s="109" t="s">
        <v>0</v>
      </c>
      <c r="AB27" s="88"/>
    </row>
    <row r="28" spans="2:28" x14ac:dyDescent="0.15">
      <c r="B28" s="295"/>
      <c r="X28" s="291"/>
      <c r="Y28" s="272"/>
      <c r="Z28" s="272"/>
      <c r="AA28" s="272"/>
      <c r="AB28" s="292"/>
    </row>
    <row r="29" spans="2:28" ht="35.25" customHeight="1" x14ac:dyDescent="0.15">
      <c r="B29" s="295"/>
      <c r="D29" s="393" t="s">
        <v>450</v>
      </c>
      <c r="E29" s="393"/>
      <c r="F29" s="393"/>
      <c r="G29" s="393"/>
      <c r="H29" s="393"/>
      <c r="I29" s="393"/>
      <c r="J29" s="393"/>
      <c r="K29" s="398"/>
      <c r="L29" s="399"/>
      <c r="M29" s="399"/>
      <c r="N29" s="399"/>
      <c r="O29" s="250" t="s">
        <v>10</v>
      </c>
      <c r="P29" s="399"/>
      <c r="Q29" s="399"/>
      <c r="R29" s="250" t="s">
        <v>80</v>
      </c>
      <c r="S29" s="399"/>
      <c r="T29" s="399"/>
      <c r="U29" s="251" t="s">
        <v>81</v>
      </c>
      <c r="X29" s="291"/>
      <c r="Y29" s="272"/>
      <c r="Z29" s="272"/>
      <c r="AA29" s="272"/>
      <c r="AB29" s="292"/>
    </row>
    <row r="30" spans="2:28" ht="7.5" customHeight="1" x14ac:dyDescent="0.15">
      <c r="B30" s="295"/>
      <c r="D30" s="272"/>
      <c r="E30" s="272"/>
      <c r="F30" s="272"/>
      <c r="G30" s="272"/>
      <c r="H30" s="272"/>
      <c r="I30" s="272"/>
      <c r="J30" s="272"/>
      <c r="K30" s="272"/>
      <c r="L30" s="272"/>
      <c r="M30" s="272"/>
      <c r="N30" s="272"/>
      <c r="O30" s="272"/>
      <c r="P30" s="272"/>
      <c r="Q30" s="272"/>
      <c r="R30" s="272"/>
      <c r="S30" s="272"/>
      <c r="T30" s="272"/>
      <c r="U30" s="272"/>
      <c r="X30" s="291"/>
      <c r="Y30" s="272"/>
      <c r="Z30" s="272"/>
      <c r="AA30" s="272"/>
      <c r="AB30" s="292"/>
    </row>
    <row r="31" spans="2:28" ht="13.5" customHeight="1" x14ac:dyDescent="0.15">
      <c r="B31" s="295"/>
      <c r="D31" s="85"/>
      <c r="W31" s="294"/>
      <c r="X31" s="291"/>
      <c r="Y31" s="272"/>
      <c r="Z31" s="272"/>
      <c r="AA31" s="272"/>
      <c r="AB31" s="292"/>
    </row>
    <row r="32" spans="2:28" ht="4.5" customHeight="1" x14ac:dyDescent="0.15">
      <c r="B32" s="299"/>
      <c r="C32" s="259"/>
      <c r="D32" s="259"/>
      <c r="E32" s="259"/>
      <c r="F32" s="259"/>
      <c r="G32" s="259"/>
      <c r="H32" s="259"/>
      <c r="I32" s="259"/>
      <c r="J32" s="259"/>
      <c r="K32" s="259"/>
      <c r="L32" s="259"/>
      <c r="M32" s="259"/>
      <c r="N32" s="259"/>
      <c r="O32" s="259"/>
      <c r="P32" s="259"/>
      <c r="Q32" s="259"/>
      <c r="R32" s="259"/>
      <c r="S32" s="259"/>
      <c r="T32" s="259"/>
      <c r="U32" s="259"/>
      <c r="V32" s="259"/>
      <c r="W32" s="300"/>
      <c r="X32" s="255"/>
      <c r="Y32" s="256"/>
      <c r="Z32" s="256"/>
      <c r="AA32" s="256"/>
      <c r="AB32" s="257"/>
    </row>
    <row r="34" spans="2:2" x14ac:dyDescent="0.15">
      <c r="B34" s="290" t="s">
        <v>328</v>
      </c>
    </row>
    <row r="35" spans="2:2" ht="4.5" customHeight="1" x14ac:dyDescent="0.15"/>
    <row r="36" spans="2:2" x14ac:dyDescent="0.15">
      <c r="B36" s="290" t="s">
        <v>329</v>
      </c>
    </row>
  </sheetData>
  <mergeCells count="11">
    <mergeCell ref="D17:U20"/>
    <mergeCell ref="D29:J29"/>
    <mergeCell ref="K29:N29"/>
    <mergeCell ref="P29:Q29"/>
    <mergeCell ref="S29:T29"/>
    <mergeCell ref="B8:F8"/>
    <mergeCell ref="T3:U3"/>
    <mergeCell ref="W3:X3"/>
    <mergeCell ref="Z3:AA3"/>
    <mergeCell ref="B5:AB5"/>
    <mergeCell ref="B7:F7"/>
  </mergeCells>
  <phoneticPr fontId="1"/>
  <dataValidations count="1">
    <dataValidation type="list" allowBlank="1" showInputMessage="1" showErrorMessage="1" sqref="G8 L8 Q8 Y14 AA14 Y24 AA24 Y27 AA27">
      <formula1>"□,■"</formula1>
    </dataValidation>
  </dataValidations>
  <pageMargins left="0.7" right="0.7" top="0.75" bottom="0.75" header="0.3" footer="0.3"/>
  <pageSetup paperSize="9" scale="92" orientation="portrait" r:id="rId1"/>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F123"/>
  <sheetViews>
    <sheetView zoomScaleNormal="100" workbookViewId="0">
      <selection activeCell="F61" sqref="F61"/>
    </sheetView>
  </sheetViews>
  <sheetFormatPr defaultRowHeight="13.5" x14ac:dyDescent="0.15"/>
  <cols>
    <col min="1" max="1" width="2.125" style="189" customWidth="1"/>
    <col min="2" max="23" width="3.625" style="189" customWidth="1"/>
    <col min="24" max="24" width="2.125" style="189" customWidth="1"/>
    <col min="25" max="37" width="5.625" style="189" customWidth="1"/>
    <col min="38" max="16384" width="9" style="189"/>
  </cols>
  <sheetData>
    <row r="1" spans="2:23" x14ac:dyDescent="0.15">
      <c r="B1" s="189" t="s">
        <v>954</v>
      </c>
      <c r="M1" s="190"/>
      <c r="N1" s="191"/>
      <c r="O1" s="191"/>
      <c r="P1" s="191"/>
      <c r="Q1" s="190" t="s">
        <v>9</v>
      </c>
      <c r="R1" s="192"/>
      <c r="S1" s="191" t="s">
        <v>10</v>
      </c>
      <c r="T1" s="192"/>
      <c r="U1" s="191" t="s">
        <v>11</v>
      </c>
      <c r="V1" s="192"/>
      <c r="W1" s="191" t="s">
        <v>81</v>
      </c>
    </row>
    <row r="2" spans="2:23" ht="5.0999999999999996" customHeight="1" x14ac:dyDescent="0.15">
      <c r="M2" s="190"/>
      <c r="N2" s="191"/>
      <c r="O2" s="191"/>
      <c r="P2" s="191"/>
      <c r="Q2" s="190"/>
      <c r="R2" s="191"/>
      <c r="S2" s="191"/>
      <c r="T2" s="191"/>
      <c r="U2" s="191"/>
      <c r="V2" s="191"/>
      <c r="W2" s="191"/>
    </row>
    <row r="3" spans="2:23" x14ac:dyDescent="0.15">
      <c r="B3" s="540" t="s">
        <v>955</v>
      </c>
      <c r="C3" s="540"/>
      <c r="D3" s="540"/>
      <c r="E3" s="540"/>
      <c r="F3" s="540"/>
      <c r="G3" s="540"/>
      <c r="H3" s="540"/>
      <c r="I3" s="540"/>
      <c r="J3" s="540"/>
      <c r="K3" s="540"/>
      <c r="L3" s="540"/>
      <c r="M3" s="540"/>
      <c r="N3" s="540"/>
      <c r="O3" s="540"/>
      <c r="P3" s="540"/>
      <c r="Q3" s="540"/>
      <c r="R3" s="540"/>
      <c r="S3" s="540"/>
      <c r="T3" s="540"/>
      <c r="U3" s="540"/>
      <c r="V3" s="540"/>
      <c r="W3" s="540"/>
    </row>
    <row r="4" spans="2:23" ht="5.0999999999999996" customHeight="1" x14ac:dyDescent="0.15">
      <c r="B4" s="191"/>
      <c r="C4" s="191"/>
      <c r="D4" s="191"/>
      <c r="E4" s="191"/>
      <c r="F4" s="191"/>
      <c r="G4" s="191"/>
      <c r="H4" s="191"/>
      <c r="I4" s="191"/>
      <c r="J4" s="191"/>
      <c r="K4" s="191"/>
      <c r="L4" s="191"/>
      <c r="M4" s="191"/>
      <c r="N4" s="191"/>
      <c r="O4" s="191"/>
      <c r="P4" s="191"/>
      <c r="Q4" s="191"/>
      <c r="R4" s="191"/>
      <c r="S4" s="191"/>
      <c r="T4" s="191"/>
      <c r="U4" s="191"/>
      <c r="V4" s="191"/>
      <c r="W4" s="191"/>
    </row>
    <row r="5" spans="2:23" x14ac:dyDescent="0.15">
      <c r="B5" s="191"/>
      <c r="C5" s="191"/>
      <c r="D5" s="191"/>
      <c r="E5" s="191"/>
      <c r="F5" s="191"/>
      <c r="G5" s="191"/>
      <c r="H5" s="191"/>
      <c r="I5" s="191"/>
      <c r="J5" s="191"/>
      <c r="K5" s="191"/>
      <c r="L5" s="191"/>
      <c r="M5" s="191"/>
      <c r="N5" s="191"/>
      <c r="O5" s="191"/>
      <c r="P5" s="190" t="s">
        <v>335</v>
      </c>
      <c r="Q5" s="541"/>
      <c r="R5" s="541"/>
      <c r="S5" s="541"/>
      <c r="T5" s="541"/>
      <c r="U5" s="541"/>
      <c r="V5" s="541"/>
      <c r="W5" s="541"/>
    </row>
    <row r="6" spans="2:23" x14ac:dyDescent="0.15">
      <c r="B6" s="191"/>
      <c r="C6" s="191"/>
      <c r="D6" s="191"/>
      <c r="E6" s="191"/>
      <c r="F6" s="191"/>
      <c r="G6" s="191"/>
      <c r="H6" s="191"/>
      <c r="I6" s="191"/>
      <c r="J6" s="191"/>
      <c r="K6" s="191"/>
      <c r="L6" s="191"/>
      <c r="M6" s="191"/>
      <c r="N6" s="191"/>
      <c r="O6" s="191"/>
      <c r="P6" s="190" t="s">
        <v>82</v>
      </c>
      <c r="Q6" s="542"/>
      <c r="R6" s="542"/>
      <c r="S6" s="542"/>
      <c r="T6" s="542"/>
      <c r="U6" s="542"/>
      <c r="V6" s="542"/>
      <c r="W6" s="542"/>
    </row>
    <row r="7" spans="2:23" ht="10.5" customHeight="1" x14ac:dyDescent="0.15">
      <c r="B7" s="191"/>
      <c r="C7" s="191"/>
      <c r="D7" s="191"/>
      <c r="E7" s="191"/>
      <c r="F7" s="191"/>
      <c r="G7" s="191"/>
      <c r="H7" s="191"/>
      <c r="I7" s="191"/>
      <c r="J7" s="191"/>
      <c r="K7" s="191"/>
      <c r="L7" s="191"/>
      <c r="M7" s="191"/>
      <c r="N7" s="191"/>
      <c r="O7" s="191"/>
      <c r="P7" s="191"/>
      <c r="Q7" s="191"/>
      <c r="R7" s="191"/>
      <c r="S7" s="191"/>
      <c r="T7" s="191"/>
      <c r="U7" s="191"/>
      <c r="V7" s="191"/>
      <c r="W7" s="191"/>
    </row>
    <row r="8" spans="2:23" x14ac:dyDescent="0.15">
      <c r="B8" s="189" t="s">
        <v>956</v>
      </c>
    </row>
    <row r="9" spans="2:23" x14ac:dyDescent="0.15">
      <c r="C9" s="192" t="s">
        <v>0</v>
      </c>
      <c r="D9" s="189" t="s">
        <v>934</v>
      </c>
      <c r="J9" s="192" t="s">
        <v>0</v>
      </c>
      <c r="K9" s="189" t="s">
        <v>935</v>
      </c>
    </row>
    <row r="10" spans="2:23" ht="10.5" customHeight="1" x14ac:dyDescent="0.15"/>
    <row r="11" spans="2:23" x14ac:dyDescent="0.15">
      <c r="B11" s="189" t="s">
        <v>936</v>
      </c>
    </row>
    <row r="12" spans="2:23" x14ac:dyDescent="0.15">
      <c r="C12" s="192" t="s">
        <v>0</v>
      </c>
      <c r="D12" s="189" t="s">
        <v>937</v>
      </c>
    </row>
    <row r="13" spans="2:23" x14ac:dyDescent="0.15">
      <c r="C13" s="192" t="s">
        <v>0</v>
      </c>
      <c r="D13" s="189" t="s">
        <v>938</v>
      </c>
    </row>
    <row r="14" spans="2:23" ht="10.5" customHeight="1" x14ac:dyDescent="0.15"/>
    <row r="15" spans="2:23" x14ac:dyDescent="0.15">
      <c r="B15" s="189" t="s">
        <v>299</v>
      </c>
    </row>
    <row r="16" spans="2:23" ht="60" customHeight="1" x14ac:dyDescent="0.15">
      <c r="B16" s="543"/>
      <c r="C16" s="543"/>
      <c r="D16" s="543"/>
      <c r="E16" s="543"/>
      <c r="F16" s="544" t="s">
        <v>939</v>
      </c>
      <c r="G16" s="545"/>
      <c r="H16" s="545"/>
      <c r="I16" s="545"/>
      <c r="J16" s="545"/>
      <c r="K16" s="545"/>
      <c r="L16" s="546"/>
      <c r="M16" s="547" t="s">
        <v>957</v>
      </c>
      <c r="N16" s="547"/>
      <c r="O16" s="547"/>
      <c r="P16" s="547"/>
      <c r="Q16" s="547"/>
      <c r="R16" s="547"/>
      <c r="S16" s="547"/>
    </row>
    <row r="17" spans="2:23" x14ac:dyDescent="0.15">
      <c r="B17" s="548">
        <v>4</v>
      </c>
      <c r="C17" s="549"/>
      <c r="D17" s="549" t="s">
        <v>80</v>
      </c>
      <c r="E17" s="550"/>
      <c r="F17" s="551"/>
      <c r="G17" s="552"/>
      <c r="H17" s="552"/>
      <c r="I17" s="552"/>
      <c r="J17" s="552"/>
      <c r="K17" s="552"/>
      <c r="L17" s="333" t="s">
        <v>181</v>
      </c>
      <c r="M17" s="551"/>
      <c r="N17" s="552"/>
      <c r="O17" s="552"/>
      <c r="P17" s="552"/>
      <c r="Q17" s="552"/>
      <c r="R17" s="552"/>
      <c r="S17" s="333" t="s">
        <v>181</v>
      </c>
    </row>
    <row r="18" spans="2:23" x14ac:dyDescent="0.15">
      <c r="B18" s="548">
        <v>5</v>
      </c>
      <c r="C18" s="549"/>
      <c r="D18" s="549" t="s">
        <v>80</v>
      </c>
      <c r="E18" s="550"/>
      <c r="F18" s="551"/>
      <c r="G18" s="552"/>
      <c r="H18" s="552"/>
      <c r="I18" s="552"/>
      <c r="J18" s="552"/>
      <c r="K18" s="552"/>
      <c r="L18" s="333" t="s">
        <v>181</v>
      </c>
      <c r="M18" s="551"/>
      <c r="N18" s="552"/>
      <c r="O18" s="552"/>
      <c r="P18" s="552"/>
      <c r="Q18" s="552"/>
      <c r="R18" s="552"/>
      <c r="S18" s="333" t="s">
        <v>181</v>
      </c>
    </row>
    <row r="19" spans="2:23" x14ac:dyDescent="0.15">
      <c r="B19" s="548">
        <v>6</v>
      </c>
      <c r="C19" s="549"/>
      <c r="D19" s="549" t="s">
        <v>80</v>
      </c>
      <c r="E19" s="550"/>
      <c r="F19" s="551"/>
      <c r="G19" s="552"/>
      <c r="H19" s="552"/>
      <c r="I19" s="552"/>
      <c r="J19" s="552"/>
      <c r="K19" s="552"/>
      <c r="L19" s="333" t="s">
        <v>181</v>
      </c>
      <c r="M19" s="551"/>
      <c r="N19" s="552"/>
      <c r="O19" s="552"/>
      <c r="P19" s="552"/>
      <c r="Q19" s="552"/>
      <c r="R19" s="552"/>
      <c r="S19" s="333" t="s">
        <v>181</v>
      </c>
    </row>
    <row r="20" spans="2:23" x14ac:dyDescent="0.15">
      <c r="B20" s="548">
        <v>7</v>
      </c>
      <c r="C20" s="549"/>
      <c r="D20" s="549" t="s">
        <v>80</v>
      </c>
      <c r="E20" s="550"/>
      <c r="F20" s="551"/>
      <c r="G20" s="552"/>
      <c r="H20" s="552"/>
      <c r="I20" s="552"/>
      <c r="J20" s="552"/>
      <c r="K20" s="552"/>
      <c r="L20" s="333" t="s">
        <v>181</v>
      </c>
      <c r="M20" s="551"/>
      <c r="N20" s="552"/>
      <c r="O20" s="552"/>
      <c r="P20" s="552"/>
      <c r="Q20" s="552"/>
      <c r="R20" s="552"/>
      <c r="S20" s="333" t="s">
        <v>181</v>
      </c>
    </row>
    <row r="21" spans="2:23" x14ac:dyDescent="0.15">
      <c r="B21" s="548">
        <v>8</v>
      </c>
      <c r="C21" s="549"/>
      <c r="D21" s="549" t="s">
        <v>80</v>
      </c>
      <c r="E21" s="550"/>
      <c r="F21" s="551"/>
      <c r="G21" s="552"/>
      <c r="H21" s="552"/>
      <c r="I21" s="552"/>
      <c r="J21" s="552"/>
      <c r="K21" s="552"/>
      <c r="L21" s="333" t="s">
        <v>181</v>
      </c>
      <c r="M21" s="551"/>
      <c r="N21" s="552"/>
      <c r="O21" s="552"/>
      <c r="P21" s="552"/>
      <c r="Q21" s="552"/>
      <c r="R21" s="552"/>
      <c r="S21" s="333" t="s">
        <v>181</v>
      </c>
    </row>
    <row r="22" spans="2:23" x14ac:dyDescent="0.15">
      <c r="B22" s="548">
        <v>9</v>
      </c>
      <c r="C22" s="549"/>
      <c r="D22" s="549" t="s">
        <v>80</v>
      </c>
      <c r="E22" s="550"/>
      <c r="F22" s="551"/>
      <c r="G22" s="552"/>
      <c r="H22" s="552"/>
      <c r="I22" s="552"/>
      <c r="J22" s="552"/>
      <c r="K22" s="552"/>
      <c r="L22" s="333" t="s">
        <v>181</v>
      </c>
      <c r="M22" s="551"/>
      <c r="N22" s="552"/>
      <c r="O22" s="552"/>
      <c r="P22" s="552"/>
      <c r="Q22" s="552"/>
      <c r="R22" s="552"/>
      <c r="S22" s="333" t="s">
        <v>181</v>
      </c>
    </row>
    <row r="23" spans="2:23" x14ac:dyDescent="0.15">
      <c r="B23" s="548">
        <v>10</v>
      </c>
      <c r="C23" s="549"/>
      <c r="D23" s="549" t="s">
        <v>80</v>
      </c>
      <c r="E23" s="550"/>
      <c r="F23" s="551"/>
      <c r="G23" s="552"/>
      <c r="H23" s="552"/>
      <c r="I23" s="552"/>
      <c r="J23" s="552"/>
      <c r="K23" s="552"/>
      <c r="L23" s="333" t="s">
        <v>181</v>
      </c>
      <c r="M23" s="551"/>
      <c r="N23" s="552"/>
      <c r="O23" s="552"/>
      <c r="P23" s="552"/>
      <c r="Q23" s="552"/>
      <c r="R23" s="552"/>
      <c r="S23" s="333" t="s">
        <v>181</v>
      </c>
    </row>
    <row r="24" spans="2:23" x14ac:dyDescent="0.15">
      <c r="B24" s="548">
        <v>11</v>
      </c>
      <c r="C24" s="549"/>
      <c r="D24" s="549" t="s">
        <v>80</v>
      </c>
      <c r="E24" s="550"/>
      <c r="F24" s="551"/>
      <c r="G24" s="552"/>
      <c r="H24" s="552"/>
      <c r="I24" s="552"/>
      <c r="J24" s="552"/>
      <c r="K24" s="552"/>
      <c r="L24" s="333" t="s">
        <v>181</v>
      </c>
      <c r="M24" s="551"/>
      <c r="N24" s="552"/>
      <c r="O24" s="552"/>
      <c r="P24" s="552"/>
      <c r="Q24" s="552"/>
      <c r="R24" s="552"/>
      <c r="S24" s="333" t="s">
        <v>181</v>
      </c>
    </row>
    <row r="25" spans="2:23" x14ac:dyDescent="0.15">
      <c r="B25" s="548">
        <v>12</v>
      </c>
      <c r="C25" s="549"/>
      <c r="D25" s="549" t="s">
        <v>80</v>
      </c>
      <c r="E25" s="550"/>
      <c r="F25" s="551"/>
      <c r="G25" s="552"/>
      <c r="H25" s="552"/>
      <c r="I25" s="552"/>
      <c r="J25" s="552"/>
      <c r="K25" s="552"/>
      <c r="L25" s="333" t="s">
        <v>181</v>
      </c>
      <c r="M25" s="551"/>
      <c r="N25" s="552"/>
      <c r="O25" s="552"/>
      <c r="P25" s="552"/>
      <c r="Q25" s="552"/>
      <c r="R25" s="552"/>
      <c r="S25" s="333" t="s">
        <v>181</v>
      </c>
      <c r="U25" s="543" t="s">
        <v>941</v>
      </c>
      <c r="V25" s="543"/>
      <c r="W25" s="543"/>
    </row>
    <row r="26" spans="2:23" x14ac:dyDescent="0.15">
      <c r="B26" s="548">
        <v>1</v>
      </c>
      <c r="C26" s="549"/>
      <c r="D26" s="549" t="s">
        <v>80</v>
      </c>
      <c r="E26" s="550"/>
      <c r="F26" s="551"/>
      <c r="G26" s="552"/>
      <c r="H26" s="552"/>
      <c r="I26" s="552"/>
      <c r="J26" s="552"/>
      <c r="K26" s="552"/>
      <c r="L26" s="333" t="s">
        <v>181</v>
      </c>
      <c r="M26" s="551"/>
      <c r="N26" s="552"/>
      <c r="O26" s="552"/>
      <c r="P26" s="552"/>
      <c r="Q26" s="552"/>
      <c r="R26" s="552"/>
      <c r="S26" s="333" t="s">
        <v>181</v>
      </c>
      <c r="U26" s="553"/>
      <c r="V26" s="553"/>
      <c r="W26" s="553"/>
    </row>
    <row r="27" spans="2:23" x14ac:dyDescent="0.15">
      <c r="B27" s="548">
        <v>2</v>
      </c>
      <c r="C27" s="549"/>
      <c r="D27" s="549" t="s">
        <v>80</v>
      </c>
      <c r="E27" s="550"/>
      <c r="F27" s="551"/>
      <c r="G27" s="552"/>
      <c r="H27" s="552"/>
      <c r="I27" s="552"/>
      <c r="J27" s="552"/>
      <c r="K27" s="552"/>
      <c r="L27" s="333" t="s">
        <v>181</v>
      </c>
      <c r="M27" s="551"/>
      <c r="N27" s="552"/>
      <c r="O27" s="552"/>
      <c r="P27" s="552"/>
      <c r="Q27" s="552"/>
      <c r="R27" s="552"/>
      <c r="S27" s="333" t="s">
        <v>181</v>
      </c>
    </row>
    <row r="28" spans="2:23" x14ac:dyDescent="0.15">
      <c r="B28" s="543" t="s">
        <v>435</v>
      </c>
      <c r="C28" s="543"/>
      <c r="D28" s="543"/>
      <c r="E28" s="543"/>
      <c r="F28" s="548" t="str">
        <f>IF(SUM(F17:K27)=0,"",SUM(F17:K27))</f>
        <v/>
      </c>
      <c r="G28" s="549"/>
      <c r="H28" s="549"/>
      <c r="I28" s="549"/>
      <c r="J28" s="549"/>
      <c r="K28" s="549"/>
      <c r="L28" s="333" t="s">
        <v>181</v>
      </c>
      <c r="M28" s="548" t="str">
        <f>IF(SUM(M17:R27)=0,"",SUM(M17:R27))</f>
        <v/>
      </c>
      <c r="N28" s="549"/>
      <c r="O28" s="549"/>
      <c r="P28" s="549"/>
      <c r="Q28" s="549"/>
      <c r="R28" s="549"/>
      <c r="S28" s="333" t="s">
        <v>181</v>
      </c>
      <c r="U28" s="543" t="s">
        <v>942</v>
      </c>
      <c r="V28" s="543"/>
      <c r="W28" s="543"/>
    </row>
    <row r="29" spans="2:23" ht="39.950000000000003" customHeight="1" x14ac:dyDescent="0.15">
      <c r="B29" s="547" t="s">
        <v>943</v>
      </c>
      <c r="C29" s="543"/>
      <c r="D29" s="543"/>
      <c r="E29" s="543"/>
      <c r="F29" s="554" t="str">
        <f>IF(F28="","",F28/U26)</f>
        <v/>
      </c>
      <c r="G29" s="555"/>
      <c r="H29" s="555"/>
      <c r="I29" s="555"/>
      <c r="J29" s="555"/>
      <c r="K29" s="555"/>
      <c r="L29" s="333" t="s">
        <v>181</v>
      </c>
      <c r="M29" s="554" t="str">
        <f>IF(M28="","",M28/U26)</f>
        <v/>
      </c>
      <c r="N29" s="555"/>
      <c r="O29" s="555"/>
      <c r="P29" s="555"/>
      <c r="Q29" s="555"/>
      <c r="R29" s="555"/>
      <c r="S29" s="333" t="s">
        <v>181</v>
      </c>
      <c r="U29" s="556" t="str">
        <f>IF(F29="","",ROUNDDOWN(M29/F29,3))</f>
        <v/>
      </c>
      <c r="V29" s="557"/>
      <c r="W29" s="558"/>
    </row>
    <row r="31" spans="2:23" x14ac:dyDescent="0.15">
      <c r="B31" s="189" t="s">
        <v>300</v>
      </c>
    </row>
    <row r="32" spans="2:23" ht="60" customHeight="1" x14ac:dyDescent="0.15">
      <c r="B32" s="543"/>
      <c r="C32" s="543"/>
      <c r="D32" s="543"/>
      <c r="E32" s="543"/>
      <c r="F32" s="544" t="s">
        <v>939</v>
      </c>
      <c r="G32" s="545"/>
      <c r="H32" s="545"/>
      <c r="I32" s="545"/>
      <c r="J32" s="545"/>
      <c r="K32" s="545"/>
      <c r="L32" s="546"/>
      <c r="M32" s="547" t="s">
        <v>957</v>
      </c>
      <c r="N32" s="547"/>
      <c r="O32" s="547"/>
      <c r="P32" s="547"/>
      <c r="Q32" s="547"/>
      <c r="R32" s="547"/>
      <c r="S32" s="547"/>
    </row>
    <row r="33" spans="1:32" x14ac:dyDescent="0.15">
      <c r="B33" s="551"/>
      <c r="C33" s="552"/>
      <c r="D33" s="552"/>
      <c r="E33" s="193" t="s">
        <v>80</v>
      </c>
      <c r="F33" s="551"/>
      <c r="G33" s="552"/>
      <c r="H33" s="552"/>
      <c r="I33" s="552"/>
      <c r="J33" s="552"/>
      <c r="K33" s="552"/>
      <c r="L33" s="333" t="s">
        <v>181</v>
      </c>
      <c r="M33" s="551"/>
      <c r="N33" s="552"/>
      <c r="O33" s="552"/>
      <c r="P33" s="552"/>
      <c r="Q33" s="552"/>
      <c r="R33" s="552"/>
      <c r="S33" s="333" t="s">
        <v>181</v>
      </c>
    </row>
    <row r="34" spans="1:32" x14ac:dyDescent="0.15">
      <c r="B34" s="551"/>
      <c r="C34" s="552"/>
      <c r="D34" s="552"/>
      <c r="E34" s="193" t="s">
        <v>80</v>
      </c>
      <c r="F34" s="551"/>
      <c r="G34" s="552"/>
      <c r="H34" s="552"/>
      <c r="I34" s="552"/>
      <c r="J34" s="552"/>
      <c r="K34" s="552"/>
      <c r="L34" s="333" t="s">
        <v>181</v>
      </c>
      <c r="M34" s="551"/>
      <c r="N34" s="552"/>
      <c r="O34" s="552"/>
      <c r="P34" s="552"/>
      <c r="Q34" s="552"/>
      <c r="R34" s="552"/>
      <c r="S34" s="333" t="s">
        <v>181</v>
      </c>
    </row>
    <row r="35" spans="1:32" x14ac:dyDescent="0.15">
      <c r="B35" s="551"/>
      <c r="C35" s="552"/>
      <c r="D35" s="552"/>
      <c r="E35" s="193" t="s">
        <v>301</v>
      </c>
      <c r="F35" s="551"/>
      <c r="G35" s="552"/>
      <c r="H35" s="552"/>
      <c r="I35" s="552"/>
      <c r="J35" s="552"/>
      <c r="K35" s="552"/>
      <c r="L35" s="333" t="s">
        <v>181</v>
      </c>
      <c r="M35" s="551"/>
      <c r="N35" s="552"/>
      <c r="O35" s="552"/>
      <c r="P35" s="552"/>
      <c r="Q35" s="552"/>
      <c r="R35" s="552"/>
      <c r="S35" s="333" t="s">
        <v>181</v>
      </c>
    </row>
    <row r="36" spans="1:32" x14ac:dyDescent="0.15">
      <c r="B36" s="543" t="s">
        <v>435</v>
      </c>
      <c r="C36" s="543"/>
      <c r="D36" s="543"/>
      <c r="E36" s="543"/>
      <c r="F36" s="548" t="str">
        <f>IF(SUM(F33:K35)=0,"",SUM(F33:K35))</f>
        <v/>
      </c>
      <c r="G36" s="549"/>
      <c r="H36" s="549"/>
      <c r="I36" s="549"/>
      <c r="J36" s="549"/>
      <c r="K36" s="549"/>
      <c r="L36" s="333" t="s">
        <v>181</v>
      </c>
      <c r="M36" s="548" t="str">
        <f>IF(SUM(M33:R35)=0,"",SUM(M33:R35))</f>
        <v/>
      </c>
      <c r="N36" s="549"/>
      <c r="O36" s="549"/>
      <c r="P36" s="549"/>
      <c r="Q36" s="549"/>
      <c r="R36" s="549"/>
      <c r="S36" s="333" t="s">
        <v>181</v>
      </c>
      <c r="U36" s="543" t="s">
        <v>942</v>
      </c>
      <c r="V36" s="543"/>
      <c r="W36" s="543"/>
    </row>
    <row r="37" spans="1:32" ht="39.950000000000003" customHeight="1" x14ac:dyDescent="0.15">
      <c r="B37" s="547" t="s">
        <v>943</v>
      </c>
      <c r="C37" s="543"/>
      <c r="D37" s="543"/>
      <c r="E37" s="543"/>
      <c r="F37" s="554" t="str">
        <f>IF(F36="","",F36/3)</f>
        <v/>
      </c>
      <c r="G37" s="555"/>
      <c r="H37" s="555"/>
      <c r="I37" s="555"/>
      <c r="J37" s="555"/>
      <c r="K37" s="555"/>
      <c r="L37" s="333" t="s">
        <v>181</v>
      </c>
      <c r="M37" s="554" t="str">
        <f>IF(M36="","",M36/3)</f>
        <v/>
      </c>
      <c r="N37" s="555"/>
      <c r="O37" s="555"/>
      <c r="P37" s="555"/>
      <c r="Q37" s="555"/>
      <c r="R37" s="555"/>
      <c r="S37" s="333" t="s">
        <v>181</v>
      </c>
      <c r="U37" s="556" t="str">
        <f>IF(F37="","",ROUNDDOWN(M37/F37,3))</f>
        <v/>
      </c>
      <c r="V37" s="557"/>
      <c r="W37" s="558"/>
    </row>
    <row r="38" spans="1:32" ht="5.0999999999999996" customHeight="1" x14ac:dyDescent="0.15">
      <c r="A38" s="361"/>
      <c r="B38" s="362"/>
      <c r="C38" s="363"/>
      <c r="D38" s="363"/>
      <c r="E38" s="363"/>
      <c r="F38" s="364"/>
      <c r="G38" s="364"/>
      <c r="H38" s="364"/>
      <c r="I38" s="364"/>
      <c r="J38" s="364"/>
      <c r="K38" s="364"/>
      <c r="L38" s="363"/>
      <c r="M38" s="364"/>
      <c r="N38" s="364"/>
      <c r="O38" s="364"/>
      <c r="P38" s="364"/>
      <c r="Q38" s="364"/>
      <c r="R38" s="364"/>
      <c r="S38" s="363"/>
      <c r="T38" s="361"/>
      <c r="U38" s="365"/>
      <c r="V38" s="365"/>
      <c r="W38" s="365"/>
      <c r="X38" s="361"/>
      <c r="Y38" s="361"/>
      <c r="Z38" s="361"/>
      <c r="AA38" s="361"/>
      <c r="AB38" s="361"/>
      <c r="AC38" s="361"/>
      <c r="AD38" s="361"/>
      <c r="AE38" s="361"/>
      <c r="AF38" s="361"/>
    </row>
    <row r="39" spans="1:32" x14ac:dyDescent="0.15">
      <c r="B39" s="189" t="s">
        <v>409</v>
      </c>
      <c r="C39" s="366"/>
    </row>
    <row r="40" spans="1:32" x14ac:dyDescent="0.15">
      <c r="B40" s="559" t="s">
        <v>958</v>
      </c>
      <c r="C40" s="559"/>
      <c r="D40" s="559"/>
      <c r="E40" s="559"/>
      <c r="F40" s="559"/>
      <c r="G40" s="559"/>
      <c r="H40" s="559"/>
      <c r="I40" s="559"/>
      <c r="J40" s="559"/>
      <c r="K40" s="559"/>
      <c r="L40" s="559"/>
      <c r="M40" s="559"/>
      <c r="N40" s="559"/>
      <c r="O40" s="559"/>
      <c r="P40" s="559"/>
      <c r="Q40" s="559"/>
      <c r="R40" s="559"/>
      <c r="S40" s="559"/>
      <c r="T40" s="559"/>
      <c r="U40" s="559"/>
      <c r="V40" s="559"/>
      <c r="W40" s="559"/>
    </row>
    <row r="41" spans="1:32" x14ac:dyDescent="0.15">
      <c r="B41" s="559" t="s">
        <v>959</v>
      </c>
      <c r="C41" s="559"/>
      <c r="D41" s="559"/>
      <c r="E41" s="559"/>
      <c r="F41" s="559"/>
      <c r="G41" s="559"/>
      <c r="H41" s="559"/>
      <c r="I41" s="559"/>
      <c r="J41" s="559"/>
      <c r="K41" s="559"/>
      <c r="L41" s="559"/>
      <c r="M41" s="559"/>
      <c r="N41" s="559"/>
      <c r="O41" s="559"/>
      <c r="P41" s="559"/>
      <c r="Q41" s="559"/>
      <c r="R41" s="559"/>
      <c r="S41" s="559"/>
      <c r="T41" s="559"/>
      <c r="U41" s="559"/>
      <c r="V41" s="559"/>
      <c r="W41" s="559"/>
    </row>
    <row r="42" spans="1:32" x14ac:dyDescent="0.15">
      <c r="B42" s="562" t="s">
        <v>960</v>
      </c>
      <c r="C42" s="562"/>
      <c r="D42" s="562"/>
      <c r="E42" s="562"/>
      <c r="F42" s="562"/>
      <c r="G42" s="562"/>
      <c r="H42" s="562"/>
      <c r="I42" s="562"/>
      <c r="J42" s="562"/>
      <c r="K42" s="562"/>
      <c r="L42" s="562"/>
      <c r="M42" s="562"/>
      <c r="N42" s="562"/>
      <c r="O42" s="562"/>
      <c r="P42" s="562"/>
      <c r="Q42" s="562"/>
      <c r="R42" s="562"/>
      <c r="S42" s="562"/>
      <c r="T42" s="562"/>
      <c r="U42" s="562"/>
      <c r="V42" s="562"/>
      <c r="W42" s="562"/>
    </row>
    <row r="43" spans="1:32" x14ac:dyDescent="0.15">
      <c r="B43" s="559" t="s">
        <v>946</v>
      </c>
      <c r="C43" s="559"/>
      <c r="D43" s="559"/>
      <c r="E43" s="559"/>
      <c r="F43" s="559"/>
      <c r="G43" s="559"/>
      <c r="H43" s="559"/>
      <c r="I43" s="559"/>
      <c r="J43" s="559"/>
      <c r="K43" s="559"/>
      <c r="L43" s="559"/>
      <c r="M43" s="559"/>
      <c r="N43" s="559"/>
      <c r="O43" s="559"/>
      <c r="P43" s="559"/>
      <c r="Q43" s="559"/>
      <c r="R43" s="559"/>
      <c r="S43" s="559"/>
      <c r="T43" s="559"/>
      <c r="U43" s="559"/>
      <c r="V43" s="559"/>
      <c r="W43" s="559"/>
    </row>
    <row r="44" spans="1:32" x14ac:dyDescent="0.15">
      <c r="B44" s="559" t="s">
        <v>947</v>
      </c>
      <c r="C44" s="559"/>
      <c r="D44" s="559"/>
      <c r="E44" s="559"/>
      <c r="F44" s="559"/>
      <c r="G44" s="559"/>
      <c r="H44" s="559"/>
      <c r="I44" s="559"/>
      <c r="J44" s="559"/>
      <c r="K44" s="559"/>
      <c r="L44" s="559"/>
      <c r="M44" s="559"/>
      <c r="N44" s="559"/>
      <c r="O44" s="559"/>
      <c r="P44" s="559"/>
      <c r="Q44" s="559"/>
      <c r="R44" s="559"/>
      <c r="S44" s="559"/>
      <c r="T44" s="559"/>
      <c r="U44" s="559"/>
      <c r="V44" s="559"/>
      <c r="W44" s="559"/>
    </row>
    <row r="45" spans="1:32" x14ac:dyDescent="0.15">
      <c r="B45" s="559" t="s">
        <v>948</v>
      </c>
      <c r="C45" s="559"/>
      <c r="D45" s="559"/>
      <c r="E45" s="559"/>
      <c r="F45" s="559"/>
      <c r="G45" s="559"/>
      <c r="H45" s="559"/>
      <c r="I45" s="559"/>
      <c r="J45" s="559"/>
      <c r="K45" s="559"/>
      <c r="L45" s="559"/>
      <c r="M45" s="559"/>
      <c r="N45" s="559"/>
      <c r="O45" s="559"/>
      <c r="P45" s="559"/>
      <c r="Q45" s="559"/>
      <c r="R45" s="559"/>
      <c r="S45" s="559"/>
      <c r="T45" s="559"/>
      <c r="U45" s="559"/>
      <c r="V45" s="559"/>
      <c r="W45" s="559"/>
    </row>
    <row r="46" spans="1:32" x14ac:dyDescent="0.15">
      <c r="B46" s="559" t="s">
        <v>949</v>
      </c>
      <c r="C46" s="559"/>
      <c r="D46" s="559"/>
      <c r="E46" s="559"/>
      <c r="F46" s="559"/>
      <c r="G46" s="559"/>
      <c r="H46" s="559"/>
      <c r="I46" s="559"/>
      <c r="J46" s="559"/>
      <c r="K46" s="559"/>
      <c r="L46" s="559"/>
      <c r="M46" s="559"/>
      <c r="N46" s="559"/>
      <c r="O46" s="559"/>
      <c r="P46" s="559"/>
      <c r="Q46" s="559"/>
      <c r="R46" s="559"/>
      <c r="S46" s="559"/>
      <c r="T46" s="559"/>
      <c r="U46" s="559"/>
      <c r="V46" s="559"/>
      <c r="W46" s="559"/>
    </row>
    <row r="47" spans="1:32" x14ac:dyDescent="0.15">
      <c r="B47" s="559" t="s">
        <v>950</v>
      </c>
      <c r="C47" s="559"/>
      <c r="D47" s="559"/>
      <c r="E47" s="559"/>
      <c r="F47" s="559"/>
      <c r="G47" s="559"/>
      <c r="H47" s="559"/>
      <c r="I47" s="559"/>
      <c r="J47" s="559"/>
      <c r="K47" s="559"/>
      <c r="L47" s="559"/>
      <c r="M47" s="559"/>
      <c r="N47" s="559"/>
      <c r="O47" s="559"/>
      <c r="P47" s="559"/>
      <c r="Q47" s="559"/>
      <c r="R47" s="559"/>
      <c r="S47" s="559"/>
      <c r="T47" s="559"/>
      <c r="U47" s="559"/>
      <c r="V47" s="559"/>
      <c r="W47" s="559"/>
    </row>
    <row r="48" spans="1:32" x14ac:dyDescent="0.15">
      <c r="B48" s="559" t="s">
        <v>951</v>
      </c>
      <c r="C48" s="559"/>
      <c r="D48" s="559"/>
      <c r="E48" s="559"/>
      <c r="F48" s="559"/>
      <c r="G48" s="559"/>
      <c r="H48" s="559"/>
      <c r="I48" s="559"/>
      <c r="J48" s="559"/>
      <c r="K48" s="559"/>
      <c r="L48" s="559"/>
      <c r="M48" s="559"/>
      <c r="N48" s="559"/>
      <c r="O48" s="559"/>
      <c r="P48" s="559"/>
      <c r="Q48" s="559"/>
      <c r="R48" s="559"/>
      <c r="S48" s="559"/>
      <c r="T48" s="559"/>
      <c r="U48" s="559"/>
      <c r="V48" s="559"/>
      <c r="W48" s="559"/>
    </row>
    <row r="49" spans="2:23" x14ac:dyDescent="0.15">
      <c r="B49" s="559"/>
      <c r="C49" s="559"/>
      <c r="D49" s="559"/>
      <c r="E49" s="559"/>
      <c r="F49" s="559"/>
      <c r="G49" s="559"/>
      <c r="H49" s="559"/>
      <c r="I49" s="559"/>
      <c r="J49" s="559"/>
      <c r="K49" s="559"/>
      <c r="L49" s="559"/>
      <c r="M49" s="559"/>
      <c r="N49" s="559"/>
      <c r="O49" s="559"/>
      <c r="P49" s="559"/>
      <c r="Q49" s="559"/>
      <c r="R49" s="559"/>
      <c r="S49" s="559"/>
      <c r="T49" s="559"/>
      <c r="U49" s="559"/>
      <c r="V49" s="559"/>
      <c r="W49" s="559"/>
    </row>
    <row r="50" spans="2:23" x14ac:dyDescent="0.15">
      <c r="B50" s="559"/>
      <c r="C50" s="559"/>
      <c r="D50" s="559"/>
      <c r="E50" s="559"/>
      <c r="F50" s="559"/>
      <c r="G50" s="559"/>
      <c r="H50" s="559"/>
      <c r="I50" s="559"/>
      <c r="J50" s="559"/>
      <c r="K50" s="559"/>
      <c r="L50" s="559"/>
      <c r="M50" s="559"/>
      <c r="N50" s="559"/>
      <c r="O50" s="559"/>
      <c r="P50" s="559"/>
      <c r="Q50" s="559"/>
      <c r="R50" s="559"/>
      <c r="S50" s="559"/>
      <c r="T50" s="559"/>
      <c r="U50" s="559"/>
      <c r="V50" s="559"/>
      <c r="W50" s="559"/>
    </row>
    <row r="122" spans="3:7" x14ac:dyDescent="0.15">
      <c r="C122" s="361"/>
      <c r="D122" s="361"/>
      <c r="E122" s="361"/>
      <c r="F122" s="361"/>
      <c r="G122" s="361"/>
    </row>
    <row r="123" spans="3:7" x14ac:dyDescent="0.15">
      <c r="C123" s="366"/>
    </row>
  </sheetData>
  <mergeCells count="91">
    <mergeCell ref="B47:W47"/>
    <mergeCell ref="B48:W48"/>
    <mergeCell ref="B49:W49"/>
    <mergeCell ref="B50:W50"/>
    <mergeCell ref="B41:W41"/>
    <mergeCell ref="B42:W42"/>
    <mergeCell ref="B43:W43"/>
    <mergeCell ref="B44:W44"/>
    <mergeCell ref="B45:W45"/>
    <mergeCell ref="B46:W46"/>
    <mergeCell ref="B40:W40"/>
    <mergeCell ref="B35:D35"/>
    <mergeCell ref="F35:K35"/>
    <mergeCell ref="M35:R35"/>
    <mergeCell ref="B36:E36"/>
    <mergeCell ref="F36:K36"/>
    <mergeCell ref="M36:R36"/>
    <mergeCell ref="U36:W36"/>
    <mergeCell ref="B37:E37"/>
    <mergeCell ref="F37:K37"/>
    <mergeCell ref="M37:R37"/>
    <mergeCell ref="U37:W37"/>
    <mergeCell ref="B33:D33"/>
    <mergeCell ref="F33:K33"/>
    <mergeCell ref="M33:R33"/>
    <mergeCell ref="B34:D34"/>
    <mergeCell ref="F34:K34"/>
    <mergeCell ref="M34:R34"/>
    <mergeCell ref="U28:W28"/>
    <mergeCell ref="B29:E29"/>
    <mergeCell ref="F29:K29"/>
    <mergeCell ref="M29:R29"/>
    <mergeCell ref="U29:W29"/>
    <mergeCell ref="B32:E32"/>
    <mergeCell ref="F32:L32"/>
    <mergeCell ref="M32:S32"/>
    <mergeCell ref="B27:C27"/>
    <mergeCell ref="D27:E27"/>
    <mergeCell ref="F27:K27"/>
    <mergeCell ref="M27:R27"/>
    <mergeCell ref="B28:E28"/>
    <mergeCell ref="F28:K28"/>
    <mergeCell ref="M28:R28"/>
    <mergeCell ref="B25:C25"/>
    <mergeCell ref="D25:E25"/>
    <mergeCell ref="F25:K25"/>
    <mergeCell ref="M25:R25"/>
    <mergeCell ref="U25:W25"/>
    <mergeCell ref="B26:C26"/>
    <mergeCell ref="D26:E26"/>
    <mergeCell ref="F26:K26"/>
    <mergeCell ref="M26:R26"/>
    <mergeCell ref="U26:W26"/>
    <mergeCell ref="B23:C23"/>
    <mergeCell ref="D23:E23"/>
    <mergeCell ref="F23:K23"/>
    <mergeCell ref="M23:R23"/>
    <mergeCell ref="B24:C24"/>
    <mergeCell ref="D24:E24"/>
    <mergeCell ref="F24:K24"/>
    <mergeCell ref="M24:R24"/>
    <mergeCell ref="B21:C21"/>
    <mergeCell ref="D21:E21"/>
    <mergeCell ref="F21:K21"/>
    <mergeCell ref="M21:R21"/>
    <mergeCell ref="B22:C22"/>
    <mergeCell ref="D22:E22"/>
    <mergeCell ref="F22:K22"/>
    <mergeCell ref="M22:R22"/>
    <mergeCell ref="B19:C19"/>
    <mergeCell ref="D19:E19"/>
    <mergeCell ref="F19:K19"/>
    <mergeCell ref="M19:R19"/>
    <mergeCell ref="B20:C20"/>
    <mergeCell ref="D20:E20"/>
    <mergeCell ref="F20:K20"/>
    <mergeCell ref="M20:R20"/>
    <mergeCell ref="B17:C17"/>
    <mergeCell ref="D17:E17"/>
    <mergeCell ref="F17:K17"/>
    <mergeCell ref="M17:R17"/>
    <mergeCell ref="B18:C18"/>
    <mergeCell ref="D18:E18"/>
    <mergeCell ref="F18:K18"/>
    <mergeCell ref="M18:R18"/>
    <mergeCell ref="B3:W3"/>
    <mergeCell ref="Q5:W5"/>
    <mergeCell ref="Q6:W6"/>
    <mergeCell ref="B16:E16"/>
    <mergeCell ref="F16:L16"/>
    <mergeCell ref="M16:S16"/>
  </mergeCells>
  <phoneticPr fontId="1"/>
  <dataValidations count="1">
    <dataValidation type="list" allowBlank="1" showInputMessage="1" showErrorMessage="1" sqref="C9 J9 C12:C13">
      <formula1>"□,■"</formula1>
    </dataValidation>
  </dataValidations>
  <pageMargins left="0.7" right="0.7" top="0.75" bottom="0.75" header="0.3" footer="0.3"/>
  <pageSetup paperSize="9" orientation="portrait"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Z38"/>
  <sheetViews>
    <sheetView zoomScaleNormal="100" workbookViewId="0">
      <selection activeCell="F61" sqref="F61"/>
    </sheetView>
  </sheetViews>
  <sheetFormatPr defaultColWidth="3.5" defaultRowHeight="13.5" x14ac:dyDescent="0.15"/>
  <cols>
    <col min="1" max="1" width="2" style="3" customWidth="1"/>
    <col min="2" max="2" width="3" style="302" customWidth="1"/>
    <col min="3" max="7" width="3.5" style="3"/>
    <col min="8" max="8" width="2.5" style="3" customWidth="1"/>
    <col min="9" max="26" width="3.5" style="3"/>
    <col min="27" max="27" width="1.375" style="3" customWidth="1"/>
    <col min="28" max="16384" width="3.5" style="3"/>
  </cols>
  <sheetData>
    <row r="1" spans="2:26" s="290" customFormat="1" x14ac:dyDescent="0.15"/>
    <row r="2" spans="2:26" s="290" customFormat="1" x14ac:dyDescent="0.15">
      <c r="B2" s="290" t="s">
        <v>910</v>
      </c>
    </row>
    <row r="3" spans="2:26" s="290" customFormat="1" x14ac:dyDescent="0.15"/>
    <row r="4" spans="2:26" s="290" customFormat="1" x14ac:dyDescent="0.15">
      <c r="B4" s="392" t="s">
        <v>234</v>
      </c>
      <c r="C4" s="392"/>
      <c r="D4" s="392"/>
      <c r="E4" s="392"/>
      <c r="F4" s="392"/>
      <c r="G4" s="392"/>
      <c r="H4" s="392"/>
      <c r="I4" s="392"/>
      <c r="J4" s="392"/>
      <c r="K4" s="392"/>
      <c r="L4" s="392"/>
      <c r="M4" s="392"/>
      <c r="N4" s="392"/>
      <c r="O4" s="392"/>
      <c r="P4" s="392"/>
      <c r="Q4" s="392"/>
      <c r="R4" s="392"/>
      <c r="S4" s="392"/>
      <c r="T4" s="392"/>
      <c r="U4" s="392"/>
      <c r="V4" s="392"/>
      <c r="W4" s="392"/>
      <c r="X4" s="392"/>
      <c r="Y4" s="392"/>
      <c r="Z4" s="392"/>
    </row>
    <row r="5" spans="2:26" s="290" customFormat="1" x14ac:dyDescent="0.15"/>
    <row r="6" spans="2:26" s="290" customFormat="1" ht="31.5" customHeight="1" x14ac:dyDescent="0.15">
      <c r="B6" s="393" t="s">
        <v>85</v>
      </c>
      <c r="C6" s="393"/>
      <c r="D6" s="393"/>
      <c r="E6" s="393"/>
      <c r="F6" s="393"/>
      <c r="G6" s="394"/>
      <c r="H6" s="395"/>
      <c r="I6" s="395"/>
      <c r="J6" s="395"/>
      <c r="K6" s="395"/>
      <c r="L6" s="395"/>
      <c r="M6" s="395"/>
      <c r="N6" s="395"/>
      <c r="O6" s="395"/>
      <c r="P6" s="395"/>
      <c r="Q6" s="395"/>
      <c r="R6" s="395"/>
      <c r="S6" s="395"/>
      <c r="T6" s="395"/>
      <c r="U6" s="395"/>
      <c r="V6" s="395"/>
      <c r="W6" s="395"/>
      <c r="X6" s="395"/>
      <c r="Y6" s="395"/>
      <c r="Z6" s="396"/>
    </row>
    <row r="7" spans="2:26" s="290" customFormat="1" ht="31.5" customHeight="1" x14ac:dyDescent="0.15">
      <c r="B7" s="398" t="s">
        <v>86</v>
      </c>
      <c r="C7" s="399"/>
      <c r="D7" s="399"/>
      <c r="E7" s="399"/>
      <c r="F7" s="400"/>
      <c r="G7" s="107" t="s">
        <v>0</v>
      </c>
      <c r="H7" s="315" t="s">
        <v>87</v>
      </c>
      <c r="I7" s="315"/>
      <c r="J7" s="315"/>
      <c r="K7" s="315"/>
      <c r="L7" s="109" t="s">
        <v>0</v>
      </c>
      <c r="M7" s="315" t="s">
        <v>88</v>
      </c>
      <c r="N7" s="315"/>
      <c r="O7" s="315"/>
      <c r="P7" s="315"/>
      <c r="Q7" s="109" t="s">
        <v>0</v>
      </c>
      <c r="R7" s="315" t="s">
        <v>89</v>
      </c>
      <c r="S7" s="315"/>
      <c r="T7" s="315"/>
      <c r="U7" s="315"/>
      <c r="V7" s="315"/>
      <c r="W7" s="315"/>
      <c r="X7" s="315"/>
      <c r="Y7" s="315"/>
      <c r="Z7" s="321"/>
    </row>
    <row r="8" spans="2:26" ht="31.5" customHeight="1" x14ac:dyDescent="0.15">
      <c r="B8" s="398" t="s">
        <v>90</v>
      </c>
      <c r="C8" s="399"/>
      <c r="D8" s="399"/>
      <c r="E8" s="399"/>
      <c r="F8" s="400"/>
      <c r="G8" s="107" t="s">
        <v>0</v>
      </c>
      <c r="H8" s="286" t="s">
        <v>91</v>
      </c>
      <c r="I8" s="286"/>
      <c r="J8" s="286"/>
      <c r="K8" s="286"/>
      <c r="L8" s="286"/>
      <c r="M8" s="286"/>
      <c r="N8" s="286"/>
      <c r="O8" s="286"/>
      <c r="P8" s="109" t="s">
        <v>0</v>
      </c>
      <c r="Q8" s="286" t="s">
        <v>235</v>
      </c>
      <c r="R8" s="286"/>
      <c r="S8" s="119"/>
      <c r="T8" s="119"/>
      <c r="U8" s="119"/>
      <c r="V8" s="119"/>
      <c r="W8" s="119"/>
      <c r="X8" s="119"/>
      <c r="Y8" s="119"/>
      <c r="Z8" s="120"/>
    </row>
    <row r="9" spans="2:26" ht="20.100000000000001" customHeight="1" x14ac:dyDescent="0.15">
      <c r="B9" s="401" t="s">
        <v>122</v>
      </c>
      <c r="C9" s="402"/>
      <c r="D9" s="402"/>
      <c r="E9" s="402"/>
      <c r="F9" s="403"/>
      <c r="G9" s="109" t="s">
        <v>0</v>
      </c>
      <c r="H9" s="297" t="s">
        <v>236</v>
      </c>
      <c r="I9" s="297"/>
      <c r="J9" s="297"/>
      <c r="K9" s="297"/>
      <c r="L9" s="297"/>
      <c r="M9" s="297"/>
      <c r="N9" s="297"/>
      <c r="O9" s="297"/>
      <c r="P9" s="297"/>
      <c r="Q9" s="109" t="s">
        <v>0</v>
      </c>
      <c r="R9" s="297" t="s">
        <v>237</v>
      </c>
      <c r="S9" s="92"/>
      <c r="T9" s="92"/>
      <c r="U9" s="92"/>
      <c r="V9" s="92"/>
      <c r="W9" s="92"/>
      <c r="X9" s="92"/>
      <c r="Y9" s="92"/>
      <c r="Z9" s="93"/>
    </row>
    <row r="10" spans="2:26" ht="20.100000000000001" customHeight="1" x14ac:dyDescent="0.15">
      <c r="B10" s="404"/>
      <c r="C10" s="405"/>
      <c r="D10" s="405"/>
      <c r="E10" s="405"/>
      <c r="F10" s="406"/>
      <c r="G10" s="110" t="s">
        <v>0</v>
      </c>
      <c r="H10" s="259" t="s">
        <v>238</v>
      </c>
      <c r="I10" s="259"/>
      <c r="J10" s="259"/>
      <c r="K10" s="259"/>
      <c r="L10" s="259"/>
      <c r="M10" s="259"/>
      <c r="N10" s="259"/>
      <c r="O10" s="259"/>
      <c r="P10" s="259"/>
      <c r="Q10" s="111" t="s">
        <v>0</v>
      </c>
      <c r="R10" s="259" t="s">
        <v>239</v>
      </c>
      <c r="S10" s="121"/>
      <c r="T10" s="121"/>
      <c r="U10" s="121"/>
      <c r="V10" s="121"/>
      <c r="W10" s="121"/>
      <c r="X10" s="121"/>
      <c r="Y10" s="121"/>
      <c r="Z10" s="122"/>
    </row>
    <row r="11" spans="2:26" s="290" customFormat="1" x14ac:dyDescent="0.15"/>
    <row r="12" spans="2:26" s="290" customFormat="1" x14ac:dyDescent="0.15">
      <c r="B12" s="296"/>
      <c r="C12" s="297"/>
      <c r="D12" s="297"/>
      <c r="E12" s="297"/>
      <c r="F12" s="297"/>
      <c r="G12" s="297"/>
      <c r="H12" s="297"/>
      <c r="I12" s="297"/>
      <c r="J12" s="297"/>
      <c r="K12" s="297"/>
      <c r="L12" s="297"/>
      <c r="M12" s="297"/>
      <c r="N12" s="297"/>
      <c r="O12" s="297"/>
      <c r="P12" s="297"/>
      <c r="Q12" s="297"/>
      <c r="R12" s="297"/>
      <c r="S12" s="297"/>
      <c r="T12" s="297"/>
      <c r="U12" s="297"/>
      <c r="V12" s="297"/>
      <c r="W12" s="297"/>
      <c r="X12" s="297"/>
      <c r="Y12" s="297"/>
      <c r="Z12" s="298"/>
    </row>
    <row r="13" spans="2:26" s="290" customFormat="1" x14ac:dyDescent="0.15">
      <c r="B13" s="295" t="s">
        <v>240</v>
      </c>
      <c r="Z13" s="294"/>
    </row>
    <row r="14" spans="2:26" s="290" customFormat="1" x14ac:dyDescent="0.15">
      <c r="B14" s="295"/>
      <c r="Z14" s="294"/>
    </row>
    <row r="15" spans="2:26" s="290" customFormat="1" x14ac:dyDescent="0.15">
      <c r="B15" s="295"/>
      <c r="C15" s="290" t="s">
        <v>241</v>
      </c>
      <c r="Z15" s="294"/>
    </row>
    <row r="16" spans="2:26" s="290" customFormat="1" ht="6.75" customHeight="1" x14ac:dyDescent="0.15">
      <c r="B16" s="295"/>
      <c r="Z16" s="294"/>
    </row>
    <row r="17" spans="2:26" s="290" customFormat="1" ht="26.25" customHeight="1" x14ac:dyDescent="0.15">
      <c r="B17" s="295"/>
      <c r="C17" s="394" t="s">
        <v>231</v>
      </c>
      <c r="D17" s="395"/>
      <c r="E17" s="395"/>
      <c r="F17" s="395"/>
      <c r="G17" s="396"/>
      <c r="H17" s="398"/>
      <c r="I17" s="399"/>
      <c r="J17" s="399"/>
      <c r="K17" s="399"/>
      <c r="L17" s="399"/>
      <c r="M17" s="399"/>
      <c r="N17" s="251" t="s">
        <v>131</v>
      </c>
      <c r="P17" s="394" t="s">
        <v>242</v>
      </c>
      <c r="Q17" s="395"/>
      <c r="R17" s="395"/>
      <c r="S17" s="395"/>
      <c r="T17" s="396"/>
      <c r="U17" s="398"/>
      <c r="V17" s="399"/>
      <c r="W17" s="399"/>
      <c r="X17" s="399"/>
      <c r="Y17" s="251" t="s">
        <v>131</v>
      </c>
      <c r="Z17" s="294"/>
    </row>
    <row r="18" spans="2:26" s="290" customFormat="1" x14ac:dyDescent="0.15">
      <c r="B18" s="295"/>
      <c r="N18" s="272"/>
      <c r="Z18" s="294"/>
    </row>
    <row r="19" spans="2:26" s="290" customFormat="1" x14ac:dyDescent="0.15">
      <c r="B19" s="295"/>
      <c r="C19" s="290" t="s">
        <v>227</v>
      </c>
      <c r="Z19" s="294"/>
    </row>
    <row r="20" spans="2:26" s="290" customFormat="1" ht="6.75" customHeight="1" x14ac:dyDescent="0.15">
      <c r="B20" s="295"/>
      <c r="Z20" s="294"/>
    </row>
    <row r="21" spans="2:26" s="290" customFormat="1" ht="26.25" customHeight="1" x14ac:dyDescent="0.15">
      <c r="B21" s="295"/>
      <c r="C21" s="394" t="s">
        <v>243</v>
      </c>
      <c r="D21" s="395"/>
      <c r="E21" s="395"/>
      <c r="F21" s="395"/>
      <c r="G21" s="396"/>
      <c r="H21" s="394" t="s">
        <v>228</v>
      </c>
      <c r="I21" s="395"/>
      <c r="J21" s="395"/>
      <c r="K21" s="395"/>
      <c r="L21" s="399"/>
      <c r="M21" s="399"/>
      <c r="N21" s="251" t="s">
        <v>131</v>
      </c>
      <c r="O21" s="394" t="s">
        <v>244</v>
      </c>
      <c r="P21" s="395"/>
      <c r="Q21" s="395"/>
      <c r="R21" s="395"/>
      <c r="S21" s="399"/>
      <c r="T21" s="399"/>
      <c r="U21" s="251" t="s">
        <v>131</v>
      </c>
      <c r="Z21" s="294"/>
    </row>
    <row r="22" spans="2:26" s="290" customFormat="1" ht="26.25" customHeight="1" x14ac:dyDescent="0.15">
      <c r="B22" s="295"/>
      <c r="C22" s="394" t="s">
        <v>245</v>
      </c>
      <c r="D22" s="395"/>
      <c r="E22" s="395"/>
      <c r="F22" s="395"/>
      <c r="G22" s="396"/>
      <c r="H22" s="394" t="s">
        <v>228</v>
      </c>
      <c r="I22" s="395"/>
      <c r="J22" s="395"/>
      <c r="K22" s="395"/>
      <c r="L22" s="399"/>
      <c r="M22" s="399"/>
      <c r="N22" s="251" t="s">
        <v>131</v>
      </c>
      <c r="O22" s="394" t="s">
        <v>244</v>
      </c>
      <c r="P22" s="395"/>
      <c r="Q22" s="395"/>
      <c r="R22" s="395"/>
      <c r="S22" s="399"/>
      <c r="T22" s="399"/>
      <c r="U22" s="251" t="s">
        <v>131</v>
      </c>
      <c r="Z22" s="294"/>
    </row>
    <row r="23" spans="2:26" s="290" customFormat="1" ht="26.25" customHeight="1" x14ac:dyDescent="0.15">
      <c r="B23" s="295"/>
      <c r="C23" s="394" t="s">
        <v>229</v>
      </c>
      <c r="D23" s="395"/>
      <c r="E23" s="395"/>
      <c r="F23" s="395"/>
      <c r="G23" s="396"/>
      <c r="H23" s="394" t="s">
        <v>228</v>
      </c>
      <c r="I23" s="395"/>
      <c r="J23" s="395"/>
      <c r="K23" s="395"/>
      <c r="L23" s="399"/>
      <c r="M23" s="399"/>
      <c r="N23" s="251" t="s">
        <v>131</v>
      </c>
      <c r="O23" s="394" t="s">
        <v>244</v>
      </c>
      <c r="P23" s="395"/>
      <c r="Q23" s="395"/>
      <c r="R23" s="395"/>
      <c r="S23" s="399"/>
      <c r="T23" s="399"/>
      <c r="U23" s="251" t="s">
        <v>131</v>
      </c>
      <c r="Z23" s="294"/>
    </row>
    <row r="24" spans="2:26" s="290" customFormat="1" x14ac:dyDescent="0.15">
      <c r="B24" s="295"/>
      <c r="L24" s="272"/>
      <c r="Q24" s="272"/>
      <c r="V24" s="272"/>
      <c r="Z24" s="294"/>
    </row>
    <row r="25" spans="2:26" s="290" customFormat="1" x14ac:dyDescent="0.15">
      <c r="B25" s="295"/>
      <c r="C25" s="290" t="s">
        <v>232</v>
      </c>
      <c r="Z25" s="294"/>
    </row>
    <row r="26" spans="2:26" s="290" customFormat="1" ht="4.5" customHeight="1" x14ac:dyDescent="0.15">
      <c r="B26" s="295"/>
      <c r="Z26" s="294"/>
    </row>
    <row r="27" spans="2:26" s="290" customFormat="1" ht="24" customHeight="1" x14ac:dyDescent="0.15">
      <c r="B27" s="295"/>
      <c r="C27" s="398" t="s">
        <v>233</v>
      </c>
      <c r="D27" s="399"/>
      <c r="E27" s="399"/>
      <c r="F27" s="399"/>
      <c r="G27" s="399"/>
      <c r="H27" s="399"/>
      <c r="I27" s="399"/>
      <c r="J27" s="399"/>
      <c r="K27" s="399"/>
      <c r="L27" s="399"/>
      <c r="M27" s="399"/>
      <c r="N27" s="399"/>
      <c r="O27" s="400"/>
      <c r="P27" s="398" t="s">
        <v>82</v>
      </c>
      <c r="Q27" s="399"/>
      <c r="R27" s="399"/>
      <c r="S27" s="399"/>
      <c r="T27" s="399"/>
      <c r="U27" s="399"/>
      <c r="V27" s="399"/>
      <c r="W27" s="399"/>
      <c r="X27" s="399"/>
      <c r="Y27" s="400"/>
      <c r="Z27" s="292"/>
    </row>
    <row r="28" spans="2:26" s="290" customFormat="1" ht="21" customHeight="1" x14ac:dyDescent="0.15">
      <c r="B28" s="295"/>
      <c r="C28" s="394"/>
      <c r="D28" s="395"/>
      <c r="E28" s="395"/>
      <c r="F28" s="395"/>
      <c r="G28" s="395"/>
      <c r="H28" s="395"/>
      <c r="I28" s="395"/>
      <c r="J28" s="395"/>
      <c r="K28" s="395"/>
      <c r="L28" s="395"/>
      <c r="M28" s="395"/>
      <c r="N28" s="395"/>
      <c r="O28" s="396"/>
      <c r="P28" s="394"/>
      <c r="Q28" s="395"/>
      <c r="R28" s="395"/>
      <c r="S28" s="395"/>
      <c r="T28" s="395"/>
      <c r="U28" s="395"/>
      <c r="V28" s="395"/>
      <c r="W28" s="395"/>
      <c r="X28" s="395"/>
      <c r="Y28" s="396"/>
      <c r="Z28" s="294"/>
    </row>
    <row r="29" spans="2:26" s="290" customFormat="1" ht="21" customHeight="1" x14ac:dyDescent="0.15">
      <c r="B29" s="295"/>
      <c r="C29" s="394"/>
      <c r="D29" s="395"/>
      <c r="E29" s="395"/>
      <c r="F29" s="395"/>
      <c r="G29" s="395"/>
      <c r="H29" s="395"/>
      <c r="I29" s="395"/>
      <c r="J29" s="395"/>
      <c r="K29" s="395"/>
      <c r="L29" s="395"/>
      <c r="M29" s="395"/>
      <c r="N29" s="395"/>
      <c r="O29" s="396"/>
      <c r="P29" s="394"/>
      <c r="Q29" s="395"/>
      <c r="R29" s="395"/>
      <c r="S29" s="395"/>
      <c r="T29" s="395"/>
      <c r="U29" s="395"/>
      <c r="V29" s="395"/>
      <c r="W29" s="395"/>
      <c r="X29" s="395"/>
      <c r="Y29" s="396"/>
      <c r="Z29" s="294"/>
    </row>
    <row r="30" spans="2:26" s="290" customFormat="1" ht="21" customHeight="1" x14ac:dyDescent="0.15">
      <c r="B30" s="295"/>
      <c r="C30" s="394"/>
      <c r="D30" s="395"/>
      <c r="E30" s="395"/>
      <c r="F30" s="395"/>
      <c r="G30" s="395"/>
      <c r="H30" s="395"/>
      <c r="I30" s="395"/>
      <c r="J30" s="395"/>
      <c r="K30" s="395"/>
      <c r="L30" s="395"/>
      <c r="M30" s="395"/>
      <c r="N30" s="395"/>
      <c r="O30" s="396"/>
      <c r="P30" s="394"/>
      <c r="Q30" s="395"/>
      <c r="R30" s="395"/>
      <c r="S30" s="395"/>
      <c r="T30" s="395"/>
      <c r="U30" s="395"/>
      <c r="V30" s="395"/>
      <c r="W30" s="395"/>
      <c r="X30" s="395"/>
      <c r="Y30" s="396"/>
      <c r="Z30" s="294"/>
    </row>
    <row r="31" spans="2:26" s="290" customFormat="1" ht="21" customHeight="1" x14ac:dyDescent="0.15">
      <c r="B31" s="295"/>
      <c r="C31" s="394"/>
      <c r="D31" s="395"/>
      <c r="E31" s="395"/>
      <c r="F31" s="395"/>
      <c r="G31" s="395"/>
      <c r="H31" s="395"/>
      <c r="I31" s="395"/>
      <c r="J31" s="395"/>
      <c r="K31" s="395"/>
      <c r="L31" s="395"/>
      <c r="M31" s="395"/>
      <c r="N31" s="395"/>
      <c r="O31" s="396"/>
      <c r="P31" s="394"/>
      <c r="Q31" s="395"/>
      <c r="R31" s="395"/>
      <c r="S31" s="395"/>
      <c r="T31" s="395"/>
      <c r="U31" s="395"/>
      <c r="V31" s="395"/>
      <c r="W31" s="395"/>
      <c r="X31" s="395"/>
      <c r="Y31" s="396"/>
      <c r="Z31" s="294"/>
    </row>
    <row r="32" spans="2:26" s="290" customFormat="1" ht="21" customHeight="1" x14ac:dyDescent="0.15">
      <c r="B32" s="295"/>
      <c r="C32" s="394"/>
      <c r="D32" s="395"/>
      <c r="E32" s="395"/>
      <c r="F32" s="395"/>
      <c r="G32" s="395"/>
      <c r="H32" s="395"/>
      <c r="I32" s="395"/>
      <c r="J32" s="395"/>
      <c r="K32" s="395"/>
      <c r="L32" s="395"/>
      <c r="M32" s="395"/>
      <c r="N32" s="395"/>
      <c r="O32" s="396"/>
      <c r="P32" s="394"/>
      <c r="Q32" s="395"/>
      <c r="R32" s="395"/>
      <c r="S32" s="395"/>
      <c r="T32" s="395"/>
      <c r="U32" s="395"/>
      <c r="V32" s="395"/>
      <c r="W32" s="395"/>
      <c r="X32" s="395"/>
      <c r="Y32" s="396"/>
      <c r="Z32" s="294"/>
    </row>
    <row r="33" spans="2:26" s="290" customFormat="1" ht="21" customHeight="1" x14ac:dyDescent="0.15">
      <c r="B33" s="295"/>
      <c r="C33" s="256"/>
      <c r="D33" s="256"/>
      <c r="E33" s="256"/>
      <c r="F33" s="256"/>
      <c r="G33" s="256"/>
      <c r="H33" s="256"/>
      <c r="I33" s="256"/>
      <c r="J33" s="256"/>
      <c r="K33" s="256"/>
      <c r="L33" s="256"/>
      <c r="M33" s="256"/>
      <c r="N33" s="256"/>
      <c r="O33" s="256"/>
      <c r="P33" s="259"/>
      <c r="Q33" s="259"/>
      <c r="R33" s="259"/>
      <c r="S33" s="259"/>
      <c r="T33" s="259"/>
      <c r="U33" s="259"/>
      <c r="V33" s="259"/>
      <c r="W33" s="259"/>
      <c r="X33" s="259"/>
      <c r="Y33" s="259"/>
      <c r="Z33" s="294"/>
    </row>
    <row r="34" spans="2:26" s="290" customFormat="1" ht="21" customHeight="1" x14ac:dyDescent="0.15">
      <c r="B34" s="295"/>
      <c r="C34" s="423" t="s">
        <v>230</v>
      </c>
      <c r="D34" s="424"/>
      <c r="E34" s="424"/>
      <c r="F34" s="424"/>
      <c r="G34" s="424"/>
      <c r="H34" s="424"/>
      <c r="I34" s="424"/>
      <c r="J34" s="424"/>
      <c r="K34" s="424"/>
      <c r="L34" s="424"/>
      <c r="M34" s="424"/>
      <c r="N34" s="424"/>
      <c r="O34" s="424"/>
      <c r="P34" s="424"/>
      <c r="Q34" s="424"/>
      <c r="R34" s="424"/>
      <c r="S34" s="424"/>
      <c r="T34" s="424"/>
      <c r="U34" s="424"/>
      <c r="V34" s="425"/>
      <c r="W34" s="112" t="s">
        <v>94</v>
      </c>
      <c r="X34" s="113" t="s">
        <v>95</v>
      </c>
      <c r="Y34" s="114" t="s">
        <v>96</v>
      </c>
      <c r="Z34" s="294"/>
    </row>
    <row r="35" spans="2:26" s="290" customFormat="1" ht="21" customHeight="1" x14ac:dyDescent="0.15">
      <c r="B35" s="295"/>
      <c r="C35" s="426"/>
      <c r="D35" s="427"/>
      <c r="E35" s="427"/>
      <c r="F35" s="427"/>
      <c r="G35" s="427"/>
      <c r="H35" s="427"/>
      <c r="I35" s="427"/>
      <c r="J35" s="427"/>
      <c r="K35" s="427"/>
      <c r="L35" s="427"/>
      <c r="M35" s="427"/>
      <c r="N35" s="427"/>
      <c r="O35" s="427"/>
      <c r="P35" s="427"/>
      <c r="Q35" s="427"/>
      <c r="R35" s="427"/>
      <c r="S35" s="427"/>
      <c r="T35" s="427"/>
      <c r="U35" s="427"/>
      <c r="V35" s="428"/>
      <c r="W35" s="110" t="s">
        <v>0</v>
      </c>
      <c r="X35" s="111" t="s">
        <v>95</v>
      </c>
      <c r="Y35" s="115" t="s">
        <v>0</v>
      </c>
      <c r="Z35" s="294"/>
    </row>
    <row r="36" spans="2:26" s="290" customFormat="1" x14ac:dyDescent="0.15">
      <c r="B36" s="299"/>
      <c r="C36" s="259"/>
      <c r="D36" s="259"/>
      <c r="E36" s="259"/>
      <c r="F36" s="259"/>
      <c r="G36" s="259"/>
      <c r="H36" s="259"/>
      <c r="I36" s="259"/>
      <c r="J36" s="259"/>
      <c r="K36" s="259"/>
      <c r="L36" s="259"/>
      <c r="M36" s="259"/>
      <c r="N36" s="259"/>
      <c r="O36" s="259"/>
      <c r="P36" s="259"/>
      <c r="Q36" s="259"/>
      <c r="R36" s="259"/>
      <c r="S36" s="259"/>
      <c r="T36" s="259"/>
      <c r="U36" s="259"/>
      <c r="V36" s="259"/>
      <c r="W36" s="259"/>
      <c r="X36" s="259"/>
      <c r="Y36" s="259"/>
      <c r="Z36" s="300"/>
    </row>
    <row r="37" spans="2:26" s="290" customFormat="1" x14ac:dyDescent="0.15"/>
    <row r="38" spans="2:26" s="290" customFormat="1" x14ac:dyDescent="0.15"/>
  </sheetData>
  <mergeCells count="38">
    <mergeCell ref="C34:V35"/>
    <mergeCell ref="C30:O30"/>
    <mergeCell ref="P30:Y30"/>
    <mergeCell ref="C31:O31"/>
    <mergeCell ref="P31:Y31"/>
    <mergeCell ref="C32:O32"/>
    <mergeCell ref="P32:Y32"/>
    <mergeCell ref="C27:O27"/>
    <mergeCell ref="P27:Y27"/>
    <mergeCell ref="C28:O28"/>
    <mergeCell ref="P28:Y28"/>
    <mergeCell ref="C29:O29"/>
    <mergeCell ref="P29:Y29"/>
    <mergeCell ref="C22:G22"/>
    <mergeCell ref="H22:K22"/>
    <mergeCell ref="L22:M22"/>
    <mergeCell ref="O22:R22"/>
    <mergeCell ref="S22:T22"/>
    <mergeCell ref="C23:G23"/>
    <mergeCell ref="H23:K23"/>
    <mergeCell ref="L23:M23"/>
    <mergeCell ref="O23:R23"/>
    <mergeCell ref="S23:T23"/>
    <mergeCell ref="C17:G17"/>
    <mergeCell ref="H17:M17"/>
    <mergeCell ref="P17:T17"/>
    <mergeCell ref="U17:X17"/>
    <mergeCell ref="C21:G21"/>
    <mergeCell ref="H21:K21"/>
    <mergeCell ref="L21:M21"/>
    <mergeCell ref="O21:R21"/>
    <mergeCell ref="S21:T21"/>
    <mergeCell ref="B9:F10"/>
    <mergeCell ref="B4:Z4"/>
    <mergeCell ref="B6:F6"/>
    <mergeCell ref="G6:Z6"/>
    <mergeCell ref="B7:F7"/>
    <mergeCell ref="B8:F8"/>
  </mergeCells>
  <phoneticPr fontId="1"/>
  <dataValidations count="1">
    <dataValidation type="list" allowBlank="1" showInputMessage="1" showErrorMessage="1" sqref="G7:G10 L7 Q7 P8 Q9:Q10 W35 Y35">
      <formula1>"□,■"</formula1>
    </dataValidation>
  </dataValidations>
  <pageMargins left="0.7" right="0.7" top="0.75" bottom="0.75" header="0.3" footer="0.3"/>
  <pageSetup paperSize="9" orientation="portrait"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F69"/>
  <sheetViews>
    <sheetView zoomScaleNormal="100" zoomScaleSheetLayoutView="70" workbookViewId="0">
      <selection activeCell="F61" sqref="F61"/>
    </sheetView>
  </sheetViews>
  <sheetFormatPr defaultColWidth="3.5" defaultRowHeight="13.5" x14ac:dyDescent="0.15"/>
  <cols>
    <col min="1" max="1" width="1" style="3" customWidth="1"/>
    <col min="2" max="2" width="3" style="302" customWidth="1"/>
    <col min="3" max="7" width="3.5" style="3"/>
    <col min="8" max="8" width="2.5" style="3" customWidth="1"/>
    <col min="9" max="19" width="3.5" style="3"/>
    <col min="20" max="22" width="4.25" style="3" customWidth="1"/>
    <col min="23" max="23" width="3.5" style="3"/>
    <col min="24" max="24" width="3.625" style="3" customWidth="1"/>
    <col min="25" max="29" width="3.5" style="3"/>
    <col min="30" max="30" width="0.875" style="3" customWidth="1"/>
    <col min="31" max="16384" width="3.5" style="3"/>
  </cols>
  <sheetData>
    <row r="1" spans="2:29" s="290" customFormat="1" x14ac:dyDescent="0.15"/>
    <row r="2" spans="2:29" s="290" customFormat="1" x14ac:dyDescent="0.15">
      <c r="B2" s="290" t="s">
        <v>799</v>
      </c>
      <c r="W2" s="283" t="s">
        <v>9</v>
      </c>
      <c r="X2" s="272"/>
      <c r="Y2" s="272" t="s">
        <v>10</v>
      </c>
      <c r="Z2" s="272"/>
      <c r="AA2" s="272" t="s">
        <v>11</v>
      </c>
      <c r="AB2" s="272"/>
      <c r="AC2" s="272" t="s">
        <v>81</v>
      </c>
    </row>
    <row r="3" spans="2:29" s="290" customFormat="1" ht="6.75" customHeight="1" x14ac:dyDescent="0.15"/>
    <row r="4" spans="2:29" s="290" customFormat="1" x14ac:dyDescent="0.15">
      <c r="B4" s="392" t="s">
        <v>512</v>
      </c>
      <c r="C4" s="392"/>
      <c r="D4" s="392"/>
      <c r="E4" s="392"/>
      <c r="F4" s="392"/>
      <c r="G4" s="392"/>
      <c r="H4" s="392"/>
      <c r="I4" s="392"/>
      <c r="J4" s="392"/>
      <c r="K4" s="392"/>
      <c r="L4" s="392"/>
      <c r="M4" s="392"/>
      <c r="N4" s="392"/>
      <c r="O4" s="392"/>
      <c r="P4" s="392"/>
      <c r="Q4" s="392"/>
      <c r="R4" s="392"/>
      <c r="S4" s="392"/>
      <c r="T4" s="392"/>
      <c r="U4" s="392"/>
      <c r="V4" s="392"/>
      <c r="W4" s="392"/>
      <c r="X4" s="392"/>
      <c r="Y4" s="392"/>
      <c r="Z4" s="392"/>
      <c r="AA4" s="392"/>
      <c r="AB4" s="392"/>
      <c r="AC4" s="392"/>
    </row>
    <row r="5" spans="2:29" s="290" customFormat="1" ht="7.5" customHeight="1" x14ac:dyDescent="0.15"/>
    <row r="6" spans="2:29" s="290" customFormat="1" ht="19.5" customHeight="1" x14ac:dyDescent="0.15">
      <c r="B6" s="393" t="s">
        <v>85</v>
      </c>
      <c r="C6" s="393"/>
      <c r="D6" s="393"/>
      <c r="E6" s="393"/>
      <c r="F6" s="393"/>
      <c r="G6" s="398"/>
      <c r="H6" s="399"/>
      <c r="I6" s="399"/>
      <c r="J6" s="399"/>
      <c r="K6" s="399"/>
      <c r="L6" s="399"/>
      <c r="M6" s="399"/>
      <c r="N6" s="399"/>
      <c r="O6" s="399"/>
      <c r="P6" s="399"/>
      <c r="Q6" s="399"/>
      <c r="R6" s="399"/>
      <c r="S6" s="399"/>
      <c r="T6" s="399"/>
      <c r="U6" s="399"/>
      <c r="V6" s="399"/>
      <c r="W6" s="399"/>
      <c r="X6" s="399"/>
      <c r="Y6" s="399"/>
      <c r="Z6" s="399"/>
      <c r="AA6" s="399"/>
      <c r="AB6" s="399"/>
      <c r="AC6" s="400"/>
    </row>
    <row r="7" spans="2:29" s="290" customFormat="1" ht="19.5" customHeight="1" x14ac:dyDescent="0.15">
      <c r="B7" s="398" t="s">
        <v>86</v>
      </c>
      <c r="C7" s="399"/>
      <c r="D7" s="399"/>
      <c r="E7" s="399"/>
      <c r="F7" s="400"/>
      <c r="G7" s="107" t="s">
        <v>0</v>
      </c>
      <c r="H7" s="315" t="s">
        <v>87</v>
      </c>
      <c r="I7" s="315"/>
      <c r="J7" s="315"/>
      <c r="K7" s="315"/>
      <c r="L7" s="108" t="s">
        <v>0</v>
      </c>
      <c r="M7" s="315" t="s">
        <v>88</v>
      </c>
      <c r="N7" s="315"/>
      <c r="O7" s="315"/>
      <c r="P7" s="315"/>
      <c r="Q7" s="108" t="s">
        <v>0</v>
      </c>
      <c r="R7" s="315" t="s">
        <v>89</v>
      </c>
      <c r="S7" s="315"/>
      <c r="T7" s="315"/>
      <c r="U7" s="315"/>
      <c r="V7" s="315"/>
      <c r="W7" s="315"/>
      <c r="X7" s="315"/>
      <c r="Y7" s="315"/>
      <c r="Z7" s="315"/>
      <c r="AA7" s="315"/>
      <c r="AB7" s="315"/>
      <c r="AC7" s="321"/>
    </row>
    <row r="8" spans="2:29" s="290" customFormat="1" ht="19.5" customHeight="1" x14ac:dyDescent="0.15">
      <c r="B8" s="401" t="s">
        <v>90</v>
      </c>
      <c r="C8" s="402"/>
      <c r="D8" s="402"/>
      <c r="E8" s="402"/>
      <c r="F8" s="403"/>
      <c r="G8" s="126" t="s">
        <v>0</v>
      </c>
      <c r="H8" s="323" t="s">
        <v>91</v>
      </c>
      <c r="I8" s="323"/>
      <c r="J8" s="323"/>
      <c r="K8" s="323"/>
      <c r="L8" s="323"/>
      <c r="M8" s="323"/>
      <c r="N8" s="323"/>
      <c r="O8" s="323"/>
      <c r="P8" s="323"/>
      <c r="Q8" s="116" t="s">
        <v>0</v>
      </c>
      <c r="R8" s="323" t="s">
        <v>235</v>
      </c>
      <c r="S8" s="323"/>
      <c r="T8" s="323"/>
      <c r="U8" s="323"/>
      <c r="V8" s="323"/>
      <c r="W8" s="323"/>
      <c r="X8" s="323"/>
      <c r="Y8" s="323"/>
      <c r="Z8" s="323"/>
      <c r="AA8" s="323"/>
      <c r="AB8" s="323"/>
      <c r="AC8" s="324"/>
    </row>
    <row r="9" spans="2:29" s="290" customFormat="1" ht="19.5" customHeight="1" x14ac:dyDescent="0.15">
      <c r="B9" s="404"/>
      <c r="C9" s="405"/>
      <c r="D9" s="405"/>
      <c r="E9" s="405"/>
      <c r="F9" s="406"/>
      <c r="G9" s="110" t="s">
        <v>0</v>
      </c>
      <c r="H9" s="317" t="s">
        <v>513</v>
      </c>
      <c r="I9" s="317"/>
      <c r="J9" s="317"/>
      <c r="K9" s="317"/>
      <c r="L9" s="317"/>
      <c r="M9" s="317"/>
      <c r="N9" s="317"/>
      <c r="O9" s="317"/>
      <c r="P9" s="317"/>
      <c r="Q9" s="317"/>
      <c r="R9" s="317"/>
      <c r="S9" s="317"/>
      <c r="T9" s="317"/>
      <c r="U9" s="317"/>
      <c r="V9" s="317"/>
      <c r="W9" s="317"/>
      <c r="X9" s="317"/>
      <c r="Y9" s="317"/>
      <c r="Z9" s="317"/>
      <c r="AA9" s="317"/>
      <c r="AB9" s="317"/>
      <c r="AC9" s="325"/>
    </row>
    <row r="10" spans="2:29" s="290" customFormat="1" x14ac:dyDescent="0.15"/>
    <row r="11" spans="2:29" s="290" customFormat="1" x14ac:dyDescent="0.15">
      <c r="B11" s="290" t="s">
        <v>514</v>
      </c>
    </row>
    <row r="12" spans="2:29" s="290" customFormat="1" x14ac:dyDescent="0.15"/>
    <row r="13" spans="2:29" s="290" customFormat="1" ht="17.25" customHeight="1" x14ac:dyDescent="0.15">
      <c r="B13" s="259" t="s">
        <v>515</v>
      </c>
    </row>
    <row r="14" spans="2:29" s="290" customFormat="1" ht="6.75" customHeight="1" x14ac:dyDescent="0.15">
      <c r="B14" s="296"/>
      <c r="C14" s="297"/>
      <c r="D14" s="297"/>
      <c r="E14" s="297"/>
      <c r="F14" s="297"/>
      <c r="G14" s="297"/>
      <c r="H14" s="297"/>
      <c r="I14" s="297"/>
      <c r="J14" s="297"/>
      <c r="K14" s="297"/>
      <c r="L14" s="297"/>
      <c r="M14" s="297"/>
      <c r="N14" s="297"/>
      <c r="O14" s="297"/>
      <c r="P14" s="297"/>
      <c r="Q14" s="297"/>
      <c r="R14" s="297"/>
      <c r="S14" s="297"/>
      <c r="T14" s="297"/>
      <c r="U14" s="297"/>
      <c r="V14" s="297"/>
      <c r="W14" s="297"/>
      <c r="X14" s="297"/>
      <c r="Y14" s="296"/>
      <c r="Z14" s="297"/>
      <c r="AA14" s="297"/>
      <c r="AB14" s="297"/>
      <c r="AC14" s="298"/>
    </row>
    <row r="15" spans="2:29" s="290" customFormat="1" x14ac:dyDescent="0.15">
      <c r="B15" s="295"/>
      <c r="C15" s="290" t="s">
        <v>516</v>
      </c>
      <c r="Y15" s="295"/>
      <c r="AC15" s="294"/>
    </row>
    <row r="16" spans="2:29" s="290" customFormat="1" ht="6.75" customHeight="1" x14ac:dyDescent="0.15">
      <c r="B16" s="295"/>
      <c r="Y16" s="295"/>
      <c r="AC16" s="294"/>
    </row>
    <row r="17" spans="2:29" s="290" customFormat="1" ht="19.5" customHeight="1" x14ac:dyDescent="0.15">
      <c r="B17" s="295"/>
      <c r="C17" s="398"/>
      <c r="D17" s="399"/>
      <c r="E17" s="399"/>
      <c r="F17" s="399"/>
      <c r="G17" s="399"/>
      <c r="H17" s="399"/>
      <c r="I17" s="399"/>
      <c r="J17" s="399"/>
      <c r="K17" s="399"/>
      <c r="L17" s="399"/>
      <c r="M17" s="399"/>
      <c r="N17" s="315" t="s">
        <v>181</v>
      </c>
      <c r="O17" s="295"/>
      <c r="U17" s="272"/>
      <c r="V17" s="272"/>
      <c r="Y17" s="295"/>
      <c r="AC17" s="294"/>
    </row>
    <row r="18" spans="2:29" s="290" customFormat="1" x14ac:dyDescent="0.15">
      <c r="B18" s="295"/>
      <c r="L18" s="272"/>
      <c r="Q18" s="272"/>
      <c r="W18" s="272"/>
      <c r="Y18" s="295"/>
      <c r="AC18" s="294"/>
    </row>
    <row r="19" spans="2:29" s="290" customFormat="1" x14ac:dyDescent="0.15">
      <c r="B19" s="295"/>
      <c r="C19" s="290" t="s">
        <v>517</v>
      </c>
      <c r="Y19" s="295"/>
      <c r="AC19" s="294"/>
    </row>
    <row r="20" spans="2:29" s="290" customFormat="1" ht="6.75" customHeight="1" x14ac:dyDescent="0.15">
      <c r="B20" s="295"/>
      <c r="Y20" s="295"/>
      <c r="AC20" s="294"/>
    </row>
    <row r="21" spans="2:29" s="290" customFormat="1" ht="19.5" customHeight="1" x14ac:dyDescent="0.15">
      <c r="B21" s="295"/>
      <c r="C21" s="398"/>
      <c r="D21" s="399"/>
      <c r="E21" s="399"/>
      <c r="F21" s="399"/>
      <c r="G21" s="399"/>
      <c r="H21" s="399"/>
      <c r="I21" s="399"/>
      <c r="J21" s="399"/>
      <c r="K21" s="399"/>
      <c r="L21" s="399"/>
      <c r="M21" s="399"/>
      <c r="N21" s="315" t="s">
        <v>181</v>
      </c>
      <c r="O21" s="295"/>
      <c r="U21" s="272"/>
      <c r="V21" s="272"/>
      <c r="Y21" s="295"/>
      <c r="AC21" s="294"/>
    </row>
    <row r="22" spans="2:29" s="290" customFormat="1" x14ac:dyDescent="0.15">
      <c r="B22" s="295"/>
      <c r="L22" s="272"/>
      <c r="Q22" s="272"/>
      <c r="W22" s="272"/>
      <c r="Y22" s="295"/>
      <c r="AC22" s="294"/>
    </row>
    <row r="23" spans="2:29" s="290" customFormat="1" x14ac:dyDescent="0.15">
      <c r="B23" s="295"/>
      <c r="C23" s="290" t="s">
        <v>518</v>
      </c>
      <c r="L23" s="272"/>
      <c r="Q23" s="272"/>
      <c r="W23" s="272"/>
      <c r="Y23" s="295"/>
      <c r="Z23" s="94" t="s">
        <v>94</v>
      </c>
      <c r="AA23" s="94" t="s">
        <v>95</v>
      </c>
      <c r="AB23" s="94" t="s">
        <v>96</v>
      </c>
      <c r="AC23" s="294"/>
    </row>
    <row r="24" spans="2:29" s="290" customFormat="1" ht="7.5" customHeight="1" x14ac:dyDescent="0.15">
      <c r="B24" s="295"/>
      <c r="L24" s="272"/>
      <c r="Q24" s="272"/>
      <c r="W24" s="272"/>
      <c r="Y24" s="295"/>
      <c r="AC24" s="294"/>
    </row>
    <row r="25" spans="2:29" s="290" customFormat="1" ht="19.5" customHeight="1" x14ac:dyDescent="0.15">
      <c r="B25" s="295"/>
      <c r="C25" s="398"/>
      <c r="D25" s="399"/>
      <c r="E25" s="399"/>
      <c r="F25" s="399"/>
      <c r="G25" s="399"/>
      <c r="H25" s="399"/>
      <c r="I25" s="399"/>
      <c r="J25" s="399"/>
      <c r="K25" s="399"/>
      <c r="L25" s="399"/>
      <c r="M25" s="399"/>
      <c r="N25" s="321" t="s">
        <v>60</v>
      </c>
      <c r="P25" s="290" t="s">
        <v>519</v>
      </c>
      <c r="Q25" s="272"/>
      <c r="S25" s="290" t="s">
        <v>432</v>
      </c>
      <c r="W25" s="272"/>
      <c r="Y25" s="95"/>
      <c r="Z25" s="109" t="s">
        <v>0</v>
      </c>
      <c r="AA25" s="109" t="s">
        <v>95</v>
      </c>
      <c r="AB25" s="109" t="s">
        <v>0</v>
      </c>
      <c r="AC25" s="294"/>
    </row>
    <row r="26" spans="2:29" s="290" customFormat="1" x14ac:dyDescent="0.15">
      <c r="B26" s="295"/>
      <c r="L26" s="272"/>
      <c r="Q26" s="272"/>
      <c r="W26" s="272"/>
      <c r="Y26" s="295"/>
      <c r="AC26" s="294"/>
    </row>
    <row r="27" spans="2:29" s="290" customFormat="1" x14ac:dyDescent="0.15">
      <c r="B27" s="295"/>
      <c r="C27" s="290" t="s">
        <v>520</v>
      </c>
      <c r="Y27" s="295"/>
      <c r="AC27" s="294"/>
    </row>
    <row r="28" spans="2:29" s="290" customFormat="1" ht="6.75" customHeight="1" x14ac:dyDescent="0.15">
      <c r="B28" s="295"/>
      <c r="Y28" s="295"/>
      <c r="AC28" s="294"/>
    </row>
    <row r="29" spans="2:29" s="290" customFormat="1" ht="19.5" customHeight="1" x14ac:dyDescent="0.15">
      <c r="B29" s="295" t="s">
        <v>100</v>
      </c>
      <c r="C29" s="398" t="s">
        <v>101</v>
      </c>
      <c r="D29" s="399"/>
      <c r="E29" s="399"/>
      <c r="F29" s="399"/>
      <c r="G29" s="399"/>
      <c r="H29" s="400"/>
      <c r="I29" s="394"/>
      <c r="J29" s="395"/>
      <c r="K29" s="395"/>
      <c r="L29" s="395"/>
      <c r="M29" s="395"/>
      <c r="N29" s="395"/>
      <c r="O29" s="395"/>
      <c r="P29" s="395"/>
      <c r="Q29" s="395"/>
      <c r="R29" s="395"/>
      <c r="S29" s="395"/>
      <c r="T29" s="395"/>
      <c r="U29" s="395"/>
      <c r="V29" s="395"/>
      <c r="W29" s="396"/>
      <c r="X29" s="2"/>
      <c r="Y29" s="91"/>
      <c r="Z29" s="2"/>
      <c r="AA29" s="2"/>
      <c r="AB29" s="2"/>
      <c r="AC29" s="294"/>
    </row>
    <row r="30" spans="2:29" s="290" customFormat="1" ht="19.5" customHeight="1" x14ac:dyDescent="0.15">
      <c r="B30" s="295" t="s">
        <v>100</v>
      </c>
      <c r="C30" s="398" t="s">
        <v>102</v>
      </c>
      <c r="D30" s="399"/>
      <c r="E30" s="399"/>
      <c r="F30" s="399"/>
      <c r="G30" s="399"/>
      <c r="H30" s="400"/>
      <c r="I30" s="394"/>
      <c r="J30" s="395"/>
      <c r="K30" s="395"/>
      <c r="L30" s="395"/>
      <c r="M30" s="395"/>
      <c r="N30" s="395"/>
      <c r="O30" s="395"/>
      <c r="P30" s="395"/>
      <c r="Q30" s="395"/>
      <c r="R30" s="395"/>
      <c r="S30" s="395"/>
      <c r="T30" s="395"/>
      <c r="U30" s="395"/>
      <c r="V30" s="395"/>
      <c r="W30" s="396"/>
      <c r="X30" s="2"/>
      <c r="Y30" s="91"/>
      <c r="Z30" s="2"/>
      <c r="AA30" s="2"/>
      <c r="AB30" s="2"/>
      <c r="AC30" s="294"/>
    </row>
    <row r="31" spans="2:29" s="290" customFormat="1" ht="19.5" customHeight="1" x14ac:dyDescent="0.15">
      <c r="B31" s="295" t="s">
        <v>100</v>
      </c>
      <c r="C31" s="398" t="s">
        <v>103</v>
      </c>
      <c r="D31" s="399"/>
      <c r="E31" s="399"/>
      <c r="F31" s="399"/>
      <c r="G31" s="399"/>
      <c r="H31" s="400"/>
      <c r="I31" s="394"/>
      <c r="J31" s="395"/>
      <c r="K31" s="395"/>
      <c r="L31" s="395"/>
      <c r="M31" s="395"/>
      <c r="N31" s="395"/>
      <c r="O31" s="395"/>
      <c r="P31" s="395"/>
      <c r="Q31" s="395"/>
      <c r="R31" s="395"/>
      <c r="S31" s="395"/>
      <c r="T31" s="395"/>
      <c r="U31" s="395"/>
      <c r="V31" s="395"/>
      <c r="W31" s="396"/>
      <c r="X31" s="2"/>
      <c r="Y31" s="91"/>
      <c r="Z31" s="2"/>
      <c r="AA31" s="2"/>
      <c r="AB31" s="2"/>
      <c r="AC31" s="294"/>
    </row>
    <row r="32" spans="2:29" s="290" customFormat="1" ht="13.5" customHeight="1" x14ac:dyDescent="0.15">
      <c r="B32" s="295"/>
      <c r="C32" s="272"/>
      <c r="D32" s="272"/>
      <c r="E32" s="272"/>
      <c r="F32" s="272"/>
      <c r="G32" s="272"/>
      <c r="H32" s="272"/>
      <c r="I32" s="272"/>
      <c r="J32" s="272"/>
      <c r="K32" s="272"/>
      <c r="L32" s="272"/>
      <c r="M32" s="272"/>
      <c r="N32" s="272"/>
      <c r="O32" s="272"/>
      <c r="Y32" s="295"/>
      <c r="Z32" s="94" t="s">
        <v>94</v>
      </c>
      <c r="AA32" s="94" t="s">
        <v>95</v>
      </c>
      <c r="AB32" s="94" t="s">
        <v>96</v>
      </c>
      <c r="AC32" s="294"/>
    </row>
    <row r="33" spans="1:32" s="290" customFormat="1" ht="19.5" customHeight="1" x14ac:dyDescent="0.15">
      <c r="B33" s="295"/>
      <c r="C33" s="290" t="s">
        <v>521</v>
      </c>
      <c r="D33" s="272"/>
      <c r="E33" s="272"/>
      <c r="F33" s="272"/>
      <c r="G33" s="272"/>
      <c r="H33" s="272"/>
      <c r="I33" s="272"/>
      <c r="J33" s="272"/>
      <c r="K33" s="272"/>
      <c r="L33" s="272"/>
      <c r="M33" s="272"/>
      <c r="N33" s="272"/>
      <c r="O33" s="272"/>
      <c r="Y33" s="95"/>
      <c r="Z33" s="109" t="s">
        <v>0</v>
      </c>
      <c r="AA33" s="109" t="s">
        <v>95</v>
      </c>
      <c r="AB33" s="109" t="s">
        <v>0</v>
      </c>
      <c r="AC33" s="294"/>
    </row>
    <row r="34" spans="1:32" s="290" customFormat="1" ht="13.5" customHeight="1" x14ac:dyDescent="0.15">
      <c r="B34" s="295"/>
      <c r="C34" s="288"/>
      <c r="D34" s="272"/>
      <c r="E34" s="272"/>
      <c r="F34" s="272"/>
      <c r="G34" s="272"/>
      <c r="H34" s="272"/>
      <c r="I34" s="272"/>
      <c r="J34" s="272"/>
      <c r="K34" s="272"/>
      <c r="L34" s="272"/>
      <c r="M34" s="272"/>
      <c r="N34" s="272"/>
      <c r="O34" s="272"/>
      <c r="Y34" s="295"/>
      <c r="Z34" s="94"/>
      <c r="AA34" s="94"/>
      <c r="AB34" s="94"/>
      <c r="AC34" s="294"/>
    </row>
    <row r="35" spans="1:32" s="290" customFormat="1" ht="27.75" customHeight="1" x14ac:dyDescent="0.15">
      <c r="B35" s="295"/>
      <c r="C35" s="407" t="s">
        <v>522</v>
      </c>
      <c r="D35" s="407"/>
      <c r="E35" s="407"/>
      <c r="F35" s="407"/>
      <c r="G35" s="407"/>
      <c r="H35" s="407"/>
      <c r="I35" s="407"/>
      <c r="J35" s="407"/>
      <c r="K35" s="407"/>
      <c r="L35" s="407"/>
      <c r="M35" s="407"/>
      <c r="N35" s="407"/>
      <c r="O35" s="407"/>
      <c r="P35" s="407"/>
      <c r="Q35" s="407"/>
      <c r="R35" s="407"/>
      <c r="S35" s="407"/>
      <c r="T35" s="407"/>
      <c r="U35" s="407"/>
      <c r="V35" s="407"/>
      <c r="W35" s="407"/>
      <c r="X35" s="407"/>
      <c r="Y35" s="95"/>
      <c r="Z35" s="109" t="s">
        <v>0</v>
      </c>
      <c r="AA35" s="109" t="s">
        <v>95</v>
      </c>
      <c r="AB35" s="109" t="s">
        <v>0</v>
      </c>
      <c r="AC35" s="294"/>
    </row>
    <row r="36" spans="1:32" s="290" customFormat="1" ht="9" customHeight="1" x14ac:dyDescent="0.15">
      <c r="B36" s="299"/>
      <c r="C36" s="259"/>
      <c r="D36" s="259"/>
      <c r="E36" s="259"/>
      <c r="F36" s="259"/>
      <c r="G36" s="259"/>
      <c r="H36" s="259"/>
      <c r="I36" s="259"/>
      <c r="J36" s="259"/>
      <c r="K36" s="259"/>
      <c r="L36" s="259"/>
      <c r="M36" s="259"/>
      <c r="N36" s="259"/>
      <c r="O36" s="259"/>
      <c r="P36" s="259"/>
      <c r="Q36" s="259"/>
      <c r="R36" s="259"/>
      <c r="S36" s="259"/>
      <c r="T36" s="259"/>
      <c r="U36" s="259"/>
      <c r="V36" s="259"/>
      <c r="W36" s="259"/>
      <c r="X36" s="259"/>
      <c r="Y36" s="299"/>
      <c r="Z36" s="259"/>
      <c r="AA36" s="259"/>
      <c r="AB36" s="259"/>
      <c r="AC36" s="300"/>
    </row>
    <row r="37" spans="1:32" s="290" customFormat="1" x14ac:dyDescent="0.15"/>
    <row r="38" spans="1:32" s="290" customFormat="1" ht="16.5" customHeight="1" x14ac:dyDescent="0.15">
      <c r="B38" s="259" t="s">
        <v>523</v>
      </c>
      <c r="C38" s="259"/>
      <c r="D38" s="259"/>
      <c r="E38" s="259"/>
      <c r="F38" s="259"/>
      <c r="G38" s="259"/>
      <c r="H38" s="259"/>
      <c r="I38" s="259"/>
      <c r="J38" s="259"/>
      <c r="K38" s="259"/>
      <c r="L38" s="259"/>
      <c r="M38" s="259"/>
      <c r="N38" s="259"/>
      <c r="O38" s="259"/>
      <c r="P38" s="259"/>
      <c r="Q38" s="259"/>
      <c r="R38" s="259"/>
      <c r="S38" s="259"/>
      <c r="T38" s="259"/>
      <c r="U38" s="259"/>
      <c r="V38" s="259"/>
      <c r="W38" s="259"/>
      <c r="X38" s="259"/>
      <c r="Y38" s="259"/>
      <c r="Z38" s="259"/>
      <c r="AA38" s="259"/>
      <c r="AB38" s="259"/>
      <c r="AC38" s="259"/>
      <c r="AD38" s="259"/>
      <c r="AE38" s="259"/>
      <c r="AF38" s="259"/>
    </row>
    <row r="39" spans="1:32" s="290" customFormat="1" x14ac:dyDescent="0.15">
      <c r="A39" s="294"/>
      <c r="B39" s="295"/>
      <c r="C39" s="297"/>
      <c r="Y39" s="295"/>
      <c r="AC39" s="294"/>
    </row>
    <row r="40" spans="1:32" s="290" customFormat="1" x14ac:dyDescent="0.15">
      <c r="B40" s="295"/>
      <c r="Y40" s="295"/>
      <c r="Z40" s="94" t="s">
        <v>94</v>
      </c>
      <c r="AA40" s="94" t="s">
        <v>95</v>
      </c>
      <c r="AB40" s="94" t="s">
        <v>96</v>
      </c>
      <c r="AC40" s="294"/>
    </row>
    <row r="41" spans="1:32" s="290" customFormat="1" ht="19.5" customHeight="1" x14ac:dyDescent="0.15">
      <c r="B41" s="295"/>
      <c r="C41" s="290" t="s">
        <v>97</v>
      </c>
      <c r="D41" s="272"/>
      <c r="E41" s="272"/>
      <c r="F41" s="272"/>
      <c r="G41" s="272"/>
      <c r="H41" s="272"/>
      <c r="I41" s="272"/>
      <c r="J41" s="272"/>
      <c r="K41" s="272"/>
      <c r="L41" s="272"/>
      <c r="M41" s="272"/>
      <c r="N41" s="272"/>
      <c r="O41" s="272"/>
      <c r="Y41" s="95"/>
      <c r="Z41" s="109" t="s">
        <v>0</v>
      </c>
      <c r="AA41" s="109" t="s">
        <v>95</v>
      </c>
      <c r="AB41" s="109" t="s">
        <v>0</v>
      </c>
      <c r="AC41" s="294"/>
    </row>
    <row r="42" spans="1:32" s="290" customFormat="1" x14ac:dyDescent="0.15">
      <c r="B42" s="295"/>
      <c r="D42" s="272"/>
      <c r="E42" s="272"/>
      <c r="F42" s="272"/>
      <c r="G42" s="272"/>
      <c r="H42" s="272"/>
      <c r="I42" s="272"/>
      <c r="J42" s="272"/>
      <c r="K42" s="272"/>
      <c r="L42" s="272"/>
      <c r="M42" s="272"/>
      <c r="N42" s="272"/>
      <c r="O42" s="272"/>
      <c r="Y42" s="338"/>
      <c r="Z42" s="335"/>
      <c r="AA42" s="335"/>
      <c r="AB42" s="335"/>
      <c r="AC42" s="294"/>
    </row>
    <row r="43" spans="1:32" s="290" customFormat="1" ht="19.5" customHeight="1" x14ac:dyDescent="0.15">
      <c r="B43" s="295"/>
      <c r="C43" s="290" t="s">
        <v>98</v>
      </c>
      <c r="D43" s="272"/>
      <c r="E43" s="272"/>
      <c r="F43" s="272"/>
      <c r="G43" s="272"/>
      <c r="H43" s="272"/>
      <c r="I43" s="272"/>
      <c r="J43" s="272"/>
      <c r="K43" s="272"/>
      <c r="L43" s="272"/>
      <c r="M43" s="272"/>
      <c r="N43" s="272"/>
      <c r="O43" s="272"/>
      <c r="Y43" s="95"/>
      <c r="Z43" s="109" t="s">
        <v>0</v>
      </c>
      <c r="AA43" s="109" t="s">
        <v>95</v>
      </c>
      <c r="AB43" s="109" t="s">
        <v>0</v>
      </c>
      <c r="AC43" s="294"/>
    </row>
    <row r="44" spans="1:32" s="290" customFormat="1" x14ac:dyDescent="0.15">
      <c r="B44" s="295"/>
      <c r="L44" s="272"/>
      <c r="Q44" s="272"/>
      <c r="W44" s="272"/>
      <c r="Y44" s="295"/>
      <c r="AC44" s="294"/>
    </row>
    <row r="45" spans="1:32" s="290" customFormat="1" x14ac:dyDescent="0.15">
      <c r="B45" s="295"/>
      <c r="C45" s="290" t="s">
        <v>99</v>
      </c>
      <c r="Y45" s="295"/>
      <c r="AC45" s="294"/>
    </row>
    <row r="46" spans="1:32" s="290" customFormat="1" ht="6.75" customHeight="1" x14ac:dyDescent="0.15">
      <c r="B46" s="295"/>
      <c r="Y46" s="295"/>
      <c r="AC46" s="294"/>
    </row>
    <row r="47" spans="1:32" s="290" customFormat="1" ht="23.25" customHeight="1" x14ac:dyDescent="0.15">
      <c r="B47" s="295" t="s">
        <v>100</v>
      </c>
      <c r="C47" s="398" t="s">
        <v>101</v>
      </c>
      <c r="D47" s="399"/>
      <c r="E47" s="399"/>
      <c r="F47" s="399"/>
      <c r="G47" s="399"/>
      <c r="H47" s="400"/>
      <c r="I47" s="398"/>
      <c r="J47" s="399"/>
      <c r="K47" s="399"/>
      <c r="L47" s="399"/>
      <c r="M47" s="399"/>
      <c r="N47" s="399"/>
      <c r="O47" s="399"/>
      <c r="P47" s="399"/>
      <c r="Q47" s="399"/>
      <c r="R47" s="399"/>
      <c r="S47" s="399"/>
      <c r="T47" s="399"/>
      <c r="U47" s="399"/>
      <c r="V47" s="399"/>
      <c r="W47" s="400"/>
      <c r="X47" s="2"/>
      <c r="Y47" s="91"/>
      <c r="Z47" s="2"/>
      <c r="AA47" s="2"/>
      <c r="AB47" s="2"/>
      <c r="AC47" s="294"/>
    </row>
    <row r="48" spans="1:32" s="290" customFormat="1" ht="23.25" customHeight="1" x14ac:dyDescent="0.15">
      <c r="B48" s="295" t="s">
        <v>100</v>
      </c>
      <c r="C48" s="398" t="s">
        <v>102</v>
      </c>
      <c r="D48" s="399"/>
      <c r="E48" s="399"/>
      <c r="F48" s="399"/>
      <c r="G48" s="399"/>
      <c r="H48" s="400"/>
      <c r="I48" s="398"/>
      <c r="J48" s="399"/>
      <c r="K48" s="399"/>
      <c r="L48" s="399"/>
      <c r="M48" s="399"/>
      <c r="N48" s="399"/>
      <c r="O48" s="399"/>
      <c r="P48" s="399"/>
      <c r="Q48" s="399"/>
      <c r="R48" s="399"/>
      <c r="S48" s="399"/>
      <c r="T48" s="399"/>
      <c r="U48" s="399"/>
      <c r="V48" s="399"/>
      <c r="W48" s="400"/>
      <c r="X48" s="2"/>
      <c r="Y48" s="91"/>
      <c r="Z48" s="2"/>
      <c r="AA48" s="2"/>
      <c r="AB48" s="2"/>
      <c r="AC48" s="294"/>
    </row>
    <row r="49" spans="2:29" s="290" customFormat="1" ht="23.25" customHeight="1" x14ac:dyDescent="0.15">
      <c r="B49" s="295" t="s">
        <v>100</v>
      </c>
      <c r="C49" s="398" t="s">
        <v>103</v>
      </c>
      <c r="D49" s="399"/>
      <c r="E49" s="399"/>
      <c r="F49" s="399"/>
      <c r="G49" s="399"/>
      <c r="H49" s="400"/>
      <c r="I49" s="398"/>
      <c r="J49" s="399"/>
      <c r="K49" s="399"/>
      <c r="L49" s="399"/>
      <c r="M49" s="399"/>
      <c r="N49" s="399"/>
      <c r="O49" s="399"/>
      <c r="P49" s="399"/>
      <c r="Q49" s="399"/>
      <c r="R49" s="399"/>
      <c r="S49" s="399"/>
      <c r="T49" s="399"/>
      <c r="U49" s="399"/>
      <c r="V49" s="399"/>
      <c r="W49" s="400"/>
      <c r="X49" s="2"/>
      <c r="Y49" s="91"/>
      <c r="Z49" s="2"/>
      <c r="AA49" s="2"/>
      <c r="AB49" s="2"/>
      <c r="AC49" s="294"/>
    </row>
    <row r="50" spans="2:29" s="290" customFormat="1" x14ac:dyDescent="0.15">
      <c r="B50" s="295"/>
      <c r="C50" s="272"/>
      <c r="D50" s="272"/>
      <c r="E50" s="272"/>
      <c r="F50" s="272"/>
      <c r="G50" s="272"/>
      <c r="H50" s="272"/>
      <c r="I50" s="2"/>
      <c r="J50" s="2"/>
      <c r="K50" s="2"/>
      <c r="L50" s="2"/>
      <c r="M50" s="2"/>
      <c r="N50" s="2"/>
      <c r="O50" s="2"/>
      <c r="P50" s="2"/>
      <c r="Q50" s="2"/>
      <c r="R50" s="2"/>
      <c r="S50" s="2"/>
      <c r="T50" s="2"/>
      <c r="U50" s="2"/>
      <c r="V50" s="2"/>
      <c r="W50" s="2"/>
      <c r="X50" s="2"/>
      <c r="Y50" s="91"/>
      <c r="Z50" s="2"/>
      <c r="AA50" s="2"/>
      <c r="AB50" s="2"/>
      <c r="AC50" s="294"/>
    </row>
    <row r="51" spans="2:29" s="290" customFormat="1" ht="27" customHeight="1" x14ac:dyDescent="0.15">
      <c r="B51" s="295"/>
      <c r="C51" s="407" t="s">
        <v>104</v>
      </c>
      <c r="D51" s="407"/>
      <c r="E51" s="407"/>
      <c r="F51" s="407"/>
      <c r="G51" s="407"/>
      <c r="H51" s="407"/>
      <c r="I51" s="407"/>
      <c r="J51" s="407"/>
      <c r="K51" s="407"/>
      <c r="L51" s="407"/>
      <c r="M51" s="407"/>
      <c r="N51" s="407"/>
      <c r="O51" s="407"/>
      <c r="P51" s="407"/>
      <c r="Q51" s="407"/>
      <c r="R51" s="407"/>
      <c r="S51" s="407"/>
      <c r="T51" s="407"/>
      <c r="U51" s="407"/>
      <c r="V51" s="407"/>
      <c r="W51" s="407"/>
      <c r="X51" s="407"/>
      <c r="Y51" s="329"/>
      <c r="Z51" s="94" t="s">
        <v>94</v>
      </c>
      <c r="AA51" s="94" t="s">
        <v>95</v>
      </c>
      <c r="AB51" s="94" t="s">
        <v>96</v>
      </c>
      <c r="AC51" s="294"/>
    </row>
    <row r="52" spans="2:29" s="290" customFormat="1" ht="6" customHeight="1" x14ac:dyDescent="0.15">
      <c r="B52" s="295"/>
      <c r="C52" s="272"/>
      <c r="D52" s="272"/>
      <c r="E52" s="272"/>
      <c r="F52" s="272"/>
      <c r="G52" s="272"/>
      <c r="H52" s="272"/>
      <c r="I52" s="272"/>
      <c r="J52" s="272"/>
      <c r="K52" s="272"/>
      <c r="L52" s="272"/>
      <c r="M52" s="272"/>
      <c r="N52" s="272"/>
      <c r="O52" s="272"/>
      <c r="Y52" s="295"/>
      <c r="AC52" s="294"/>
    </row>
    <row r="53" spans="2:29" s="290" customFormat="1" ht="19.5" customHeight="1" x14ac:dyDescent="0.15">
      <c r="B53" s="295"/>
      <c r="D53" s="290" t="s">
        <v>524</v>
      </c>
      <c r="E53" s="272"/>
      <c r="F53" s="272"/>
      <c r="G53" s="272"/>
      <c r="H53" s="272"/>
      <c r="I53" s="272"/>
      <c r="J53" s="272"/>
      <c r="K53" s="272"/>
      <c r="L53" s="272"/>
      <c r="M53" s="272"/>
      <c r="N53" s="272"/>
      <c r="O53" s="272"/>
      <c r="Y53" s="95"/>
      <c r="Z53" s="109" t="s">
        <v>0</v>
      </c>
      <c r="AA53" s="109" t="s">
        <v>95</v>
      </c>
      <c r="AB53" s="109" t="s">
        <v>0</v>
      </c>
      <c r="AC53" s="294"/>
    </row>
    <row r="54" spans="2:29" s="290" customFormat="1" ht="6.75" customHeight="1" x14ac:dyDescent="0.15">
      <c r="B54" s="295"/>
      <c r="Y54" s="295"/>
      <c r="AC54" s="294"/>
    </row>
    <row r="55" spans="2:29" s="2" customFormat="1" ht="18" customHeight="1" x14ac:dyDescent="0.15">
      <c r="B55" s="291"/>
      <c r="D55" s="2" t="s">
        <v>105</v>
      </c>
      <c r="Y55" s="95"/>
      <c r="Z55" s="109" t="s">
        <v>0</v>
      </c>
      <c r="AA55" s="109" t="s">
        <v>95</v>
      </c>
      <c r="AB55" s="109" t="s">
        <v>0</v>
      </c>
      <c r="AC55" s="88"/>
    </row>
    <row r="56" spans="2:29" s="290" customFormat="1" ht="6.75" customHeight="1" x14ac:dyDescent="0.15">
      <c r="B56" s="295"/>
      <c r="Y56" s="295"/>
      <c r="AC56" s="294"/>
    </row>
    <row r="57" spans="2:29" s="2" customFormat="1" ht="18" customHeight="1" x14ac:dyDescent="0.15">
      <c r="B57" s="291"/>
      <c r="D57" s="2" t="s">
        <v>525</v>
      </c>
      <c r="Y57" s="95"/>
      <c r="Z57" s="109" t="s">
        <v>0</v>
      </c>
      <c r="AA57" s="109" t="s">
        <v>95</v>
      </c>
      <c r="AB57" s="109" t="s">
        <v>0</v>
      </c>
      <c r="AC57" s="88"/>
    </row>
    <row r="58" spans="2:29" s="290" customFormat="1" ht="6.75" customHeight="1" x14ac:dyDescent="0.15">
      <c r="B58" s="295"/>
      <c r="Y58" s="295"/>
      <c r="AC58" s="294"/>
    </row>
    <row r="59" spans="2:29" s="2" customFormat="1" ht="18" customHeight="1" x14ac:dyDescent="0.15">
      <c r="B59" s="291"/>
      <c r="D59" s="2" t="s">
        <v>526</v>
      </c>
      <c r="Y59" s="95"/>
      <c r="Z59" s="109" t="s">
        <v>0</v>
      </c>
      <c r="AA59" s="109" t="s">
        <v>95</v>
      </c>
      <c r="AB59" s="109" t="s">
        <v>0</v>
      </c>
      <c r="AC59" s="88"/>
    </row>
    <row r="60" spans="2:29" s="290" customFormat="1" ht="6.75" customHeight="1" x14ac:dyDescent="0.15">
      <c r="B60" s="295"/>
      <c r="Y60" s="295"/>
      <c r="AC60" s="294"/>
    </row>
    <row r="61" spans="2:29" ht="18" customHeight="1" x14ac:dyDescent="0.15">
      <c r="B61" s="96"/>
      <c r="D61" s="2" t="s">
        <v>527</v>
      </c>
      <c r="Y61" s="95"/>
      <c r="Z61" s="109" t="s">
        <v>0</v>
      </c>
      <c r="AA61" s="109" t="s">
        <v>95</v>
      </c>
      <c r="AB61" s="109" t="s">
        <v>0</v>
      </c>
      <c r="AC61" s="87"/>
    </row>
    <row r="62" spans="2:29" x14ac:dyDescent="0.15">
      <c r="B62" s="96"/>
      <c r="Y62" s="97"/>
      <c r="AC62" s="87"/>
    </row>
    <row r="63" spans="2:29" ht="27" customHeight="1" x14ac:dyDescent="0.15">
      <c r="B63" s="96"/>
      <c r="C63" s="407" t="s">
        <v>110</v>
      </c>
      <c r="D63" s="407"/>
      <c r="E63" s="407"/>
      <c r="F63" s="407"/>
      <c r="G63" s="407"/>
      <c r="H63" s="407"/>
      <c r="I63" s="407"/>
      <c r="J63" s="407"/>
      <c r="K63" s="407"/>
      <c r="L63" s="407"/>
      <c r="M63" s="407"/>
      <c r="N63" s="407"/>
      <c r="O63" s="407"/>
      <c r="P63" s="407"/>
      <c r="Q63" s="407"/>
      <c r="R63" s="407"/>
      <c r="S63" s="407"/>
      <c r="T63" s="407"/>
      <c r="U63" s="407"/>
      <c r="V63" s="407"/>
      <c r="W63" s="407"/>
      <c r="X63" s="407"/>
      <c r="Y63" s="95"/>
      <c r="Z63" s="109" t="s">
        <v>0</v>
      </c>
      <c r="AA63" s="109" t="s">
        <v>95</v>
      </c>
      <c r="AB63" s="109" t="s">
        <v>0</v>
      </c>
      <c r="AC63" s="87"/>
    </row>
    <row r="64" spans="2:29" x14ac:dyDescent="0.15">
      <c r="B64" s="96"/>
      <c r="Y64" s="123"/>
      <c r="Z64" s="59"/>
      <c r="AA64" s="59"/>
      <c r="AB64" s="59"/>
      <c r="AC64" s="60"/>
    </row>
    <row r="65" spans="2:29" s="2" customFormat="1" x14ac:dyDescent="0.15">
      <c r="B65" s="185" t="s">
        <v>528</v>
      </c>
      <c r="C65" s="323"/>
      <c r="D65" s="323"/>
      <c r="E65" s="323"/>
      <c r="F65" s="323"/>
      <c r="G65" s="323"/>
      <c r="H65" s="323"/>
      <c r="I65" s="323"/>
      <c r="J65" s="323"/>
      <c r="K65" s="323"/>
      <c r="L65" s="323"/>
      <c r="M65" s="323"/>
      <c r="N65" s="323"/>
      <c r="O65" s="323"/>
      <c r="P65" s="323"/>
      <c r="Q65" s="323"/>
      <c r="R65" s="323"/>
      <c r="S65" s="323"/>
      <c r="T65" s="323"/>
      <c r="U65" s="323"/>
      <c r="V65" s="323"/>
      <c r="W65" s="323"/>
      <c r="X65" s="323"/>
      <c r="Y65" s="323"/>
      <c r="Z65" s="323"/>
      <c r="AA65" s="323"/>
      <c r="AB65" s="323"/>
      <c r="AC65" s="323"/>
    </row>
    <row r="66" spans="2:29" s="2" customFormat="1" x14ac:dyDescent="0.15">
      <c r="B66" s="98" t="s">
        <v>529</v>
      </c>
    </row>
    <row r="67" spans="2:29" s="2" customFormat="1" x14ac:dyDescent="0.15">
      <c r="B67" s="98" t="s">
        <v>530</v>
      </c>
    </row>
    <row r="68" spans="2:29" s="2" customFormat="1" x14ac:dyDescent="0.15">
      <c r="B68" s="98" t="s">
        <v>531</v>
      </c>
    </row>
    <row r="69" spans="2:29" s="98" customFormat="1" ht="11.25" x14ac:dyDescent="0.15">
      <c r="B69" s="345" t="s">
        <v>532</v>
      </c>
      <c r="C69" s="98" t="s">
        <v>533</v>
      </c>
    </row>
  </sheetData>
  <mergeCells count="23">
    <mergeCell ref="C49:H49"/>
    <mergeCell ref="I49:W49"/>
    <mergeCell ref="C51:X51"/>
    <mergeCell ref="C63:X63"/>
    <mergeCell ref="C31:H31"/>
    <mergeCell ref="I31:W31"/>
    <mergeCell ref="C35:X35"/>
    <mergeCell ref="C47:H47"/>
    <mergeCell ref="I47:W47"/>
    <mergeCell ref="C48:H48"/>
    <mergeCell ref="I48:W48"/>
    <mergeCell ref="C21:M21"/>
    <mergeCell ref="C25:M25"/>
    <mergeCell ref="C29:H29"/>
    <mergeCell ref="I29:W29"/>
    <mergeCell ref="C30:H30"/>
    <mergeCell ref="I30:W30"/>
    <mergeCell ref="C17:M17"/>
    <mergeCell ref="B4:AC4"/>
    <mergeCell ref="B6:F6"/>
    <mergeCell ref="G6:AC6"/>
    <mergeCell ref="B7:F7"/>
    <mergeCell ref="B8:F9"/>
  </mergeCells>
  <phoneticPr fontId="1"/>
  <dataValidations count="1">
    <dataValidation type="list" allowBlank="1" showInputMessage="1" showErrorMessage="1" sqref="G7:G9 L7 Q7:Q8 Z25 AB25 Z33 AB33 Z35 AB35 Z41 AB41 Z43 AB43 Z53 AB53 Z55 AB55 Z57 AB57 Z59 AB59 Z61 AB61 Z63 AB63">
      <formula1>"□,■"</formula1>
    </dataValidation>
  </dataValidations>
  <pageMargins left="0.7" right="0.7" top="0.75" bottom="0.75" header="0.3" footer="0.3"/>
  <pageSetup paperSize="9" scale="77" orientation="portrait" r:id="rId1"/>
  <rowBreaks count="1" manualBreakCount="1">
    <brk id="71" max="16383" man="1"/>
  </row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K78"/>
  <sheetViews>
    <sheetView view="pageBreakPreview" zoomScale="80" zoomScaleNormal="100" zoomScaleSheetLayoutView="80" workbookViewId="0">
      <selection activeCell="F61" sqref="F61"/>
    </sheetView>
  </sheetViews>
  <sheetFormatPr defaultColWidth="3.5" defaultRowHeight="13.5" x14ac:dyDescent="0.15"/>
  <cols>
    <col min="1" max="1" width="3.5" style="3"/>
    <col min="2" max="2" width="3" style="302" customWidth="1"/>
    <col min="3" max="7" width="3.5" style="3"/>
    <col min="8" max="8" width="2.5" style="3" customWidth="1"/>
    <col min="9" max="16384" width="3.5" style="3"/>
  </cols>
  <sheetData>
    <row r="1" spans="2:27" s="290" customFormat="1" x14ac:dyDescent="0.15"/>
    <row r="2" spans="2:27" s="290" customFormat="1" x14ac:dyDescent="0.15">
      <c r="B2" s="290" t="s">
        <v>431</v>
      </c>
      <c r="AA2" s="283" t="s">
        <v>800</v>
      </c>
    </row>
    <row r="3" spans="2:27" s="290" customFormat="1" ht="8.25" customHeight="1" x14ac:dyDescent="0.15"/>
    <row r="4" spans="2:27" s="290" customFormat="1" x14ac:dyDescent="0.15">
      <c r="B4" s="392" t="s">
        <v>801</v>
      </c>
      <c r="C4" s="392"/>
      <c r="D4" s="392"/>
      <c r="E4" s="392"/>
      <c r="F4" s="392"/>
      <c r="G4" s="392"/>
      <c r="H4" s="392"/>
      <c r="I4" s="392"/>
      <c r="J4" s="392"/>
      <c r="K4" s="392"/>
      <c r="L4" s="392"/>
      <c r="M4" s="392"/>
      <c r="N4" s="392"/>
      <c r="O4" s="392"/>
      <c r="P4" s="392"/>
      <c r="Q4" s="392"/>
      <c r="R4" s="392"/>
      <c r="S4" s="392"/>
      <c r="T4" s="392"/>
      <c r="U4" s="392"/>
      <c r="V4" s="392"/>
      <c r="W4" s="392"/>
      <c r="X4" s="392"/>
      <c r="Y4" s="392"/>
      <c r="Z4" s="392"/>
      <c r="AA4" s="392"/>
    </row>
    <row r="5" spans="2:27" s="290" customFormat="1" ht="6.75" customHeight="1" x14ac:dyDescent="0.15"/>
    <row r="6" spans="2:27" s="290" customFormat="1" ht="18.600000000000001" customHeight="1" x14ac:dyDescent="0.15">
      <c r="B6" s="393" t="s">
        <v>82</v>
      </c>
      <c r="C6" s="393"/>
      <c r="D6" s="393"/>
      <c r="E6" s="393"/>
      <c r="F6" s="393"/>
      <c r="G6" s="398"/>
      <c r="H6" s="399"/>
      <c r="I6" s="399"/>
      <c r="J6" s="399"/>
      <c r="K6" s="399"/>
      <c r="L6" s="399"/>
      <c r="M6" s="399"/>
      <c r="N6" s="399"/>
      <c r="O6" s="399"/>
      <c r="P6" s="399"/>
      <c r="Q6" s="399"/>
      <c r="R6" s="399"/>
      <c r="S6" s="399"/>
      <c r="T6" s="399"/>
      <c r="U6" s="399"/>
      <c r="V6" s="399"/>
      <c r="W6" s="399"/>
      <c r="X6" s="399"/>
      <c r="Y6" s="399"/>
      <c r="Z6" s="399"/>
      <c r="AA6" s="400"/>
    </row>
    <row r="7" spans="2:27" s="290" customFormat="1" ht="19.5" customHeight="1" x14ac:dyDescent="0.15">
      <c r="B7" s="393" t="s">
        <v>85</v>
      </c>
      <c r="C7" s="393"/>
      <c r="D7" s="393"/>
      <c r="E7" s="393"/>
      <c r="F7" s="393"/>
      <c r="G7" s="398"/>
      <c r="H7" s="399"/>
      <c r="I7" s="399"/>
      <c r="J7" s="399"/>
      <c r="K7" s="399"/>
      <c r="L7" s="399"/>
      <c r="M7" s="399"/>
      <c r="N7" s="399"/>
      <c r="O7" s="399"/>
      <c r="P7" s="399"/>
      <c r="Q7" s="399"/>
      <c r="R7" s="399"/>
      <c r="S7" s="399"/>
      <c r="T7" s="399"/>
      <c r="U7" s="399"/>
      <c r="V7" s="399"/>
      <c r="W7" s="399"/>
      <c r="X7" s="399"/>
      <c r="Y7" s="399"/>
      <c r="Z7" s="399"/>
      <c r="AA7" s="400"/>
    </row>
    <row r="8" spans="2:27" s="290" customFormat="1" ht="19.5" customHeight="1" x14ac:dyDescent="0.15">
      <c r="B8" s="398" t="s">
        <v>86</v>
      </c>
      <c r="C8" s="399"/>
      <c r="D8" s="399"/>
      <c r="E8" s="399"/>
      <c r="F8" s="400"/>
      <c r="G8" s="423" t="s">
        <v>802</v>
      </c>
      <c r="H8" s="424"/>
      <c r="I8" s="424"/>
      <c r="J8" s="424"/>
      <c r="K8" s="424"/>
      <c r="L8" s="424"/>
      <c r="M8" s="424"/>
      <c r="N8" s="424"/>
      <c r="O8" s="424"/>
      <c r="P8" s="424"/>
      <c r="Q8" s="424"/>
      <c r="R8" s="424"/>
      <c r="S8" s="424"/>
      <c r="T8" s="424"/>
      <c r="U8" s="424"/>
      <c r="V8" s="424"/>
      <c r="W8" s="424"/>
      <c r="X8" s="424"/>
      <c r="Y8" s="424"/>
      <c r="Z8" s="424"/>
      <c r="AA8" s="425"/>
    </row>
    <row r="9" spans="2:27" ht="20.100000000000001" customHeight="1" x14ac:dyDescent="0.15">
      <c r="B9" s="401" t="s">
        <v>90</v>
      </c>
      <c r="C9" s="402"/>
      <c r="D9" s="402"/>
      <c r="E9" s="402"/>
      <c r="F9" s="402"/>
      <c r="G9" s="563" t="s">
        <v>803</v>
      </c>
      <c r="H9" s="563"/>
      <c r="I9" s="563"/>
      <c r="J9" s="563"/>
      <c r="K9" s="563"/>
      <c r="L9" s="563"/>
      <c r="M9" s="563"/>
      <c r="N9" s="563" t="s">
        <v>804</v>
      </c>
      <c r="O9" s="563"/>
      <c r="P9" s="563"/>
      <c r="Q9" s="563"/>
      <c r="R9" s="563"/>
      <c r="S9" s="563"/>
      <c r="T9" s="563"/>
      <c r="U9" s="563" t="s">
        <v>805</v>
      </c>
      <c r="V9" s="563"/>
      <c r="W9" s="563"/>
      <c r="X9" s="563"/>
      <c r="Y9" s="563"/>
      <c r="Z9" s="563"/>
      <c r="AA9" s="563"/>
    </row>
    <row r="10" spans="2:27" ht="20.100000000000001" customHeight="1" x14ac:dyDescent="0.15">
      <c r="B10" s="421"/>
      <c r="C10" s="392"/>
      <c r="D10" s="392"/>
      <c r="E10" s="392"/>
      <c r="F10" s="392"/>
      <c r="G10" s="563" t="s">
        <v>806</v>
      </c>
      <c r="H10" s="563"/>
      <c r="I10" s="563"/>
      <c r="J10" s="563"/>
      <c r="K10" s="563"/>
      <c r="L10" s="563"/>
      <c r="M10" s="563"/>
      <c r="N10" s="563" t="s">
        <v>807</v>
      </c>
      <c r="O10" s="563"/>
      <c r="P10" s="563"/>
      <c r="Q10" s="563"/>
      <c r="R10" s="563"/>
      <c r="S10" s="563"/>
      <c r="T10" s="563"/>
      <c r="U10" s="563" t="s">
        <v>808</v>
      </c>
      <c r="V10" s="563"/>
      <c r="W10" s="563"/>
      <c r="X10" s="563"/>
      <c r="Y10" s="563"/>
      <c r="Z10" s="563"/>
      <c r="AA10" s="563"/>
    </row>
    <row r="11" spans="2:27" ht="20.100000000000001" customHeight="1" x14ac:dyDescent="0.15">
      <c r="B11" s="421"/>
      <c r="C11" s="392"/>
      <c r="D11" s="392"/>
      <c r="E11" s="392"/>
      <c r="F11" s="392"/>
      <c r="G11" s="563" t="s">
        <v>809</v>
      </c>
      <c r="H11" s="563"/>
      <c r="I11" s="563"/>
      <c r="J11" s="563"/>
      <c r="K11" s="563"/>
      <c r="L11" s="563"/>
      <c r="M11" s="563"/>
      <c r="N11" s="563" t="s">
        <v>810</v>
      </c>
      <c r="O11" s="563"/>
      <c r="P11" s="563"/>
      <c r="Q11" s="563"/>
      <c r="R11" s="563"/>
      <c r="S11" s="563"/>
      <c r="T11" s="563"/>
      <c r="U11" s="563" t="s">
        <v>811</v>
      </c>
      <c r="V11" s="563"/>
      <c r="W11" s="563"/>
      <c r="X11" s="563"/>
      <c r="Y11" s="563"/>
      <c r="Z11" s="563"/>
      <c r="AA11" s="563"/>
    </row>
    <row r="12" spans="2:27" ht="20.100000000000001" customHeight="1" x14ac:dyDescent="0.15">
      <c r="B12" s="421"/>
      <c r="C12" s="392"/>
      <c r="D12" s="392"/>
      <c r="E12" s="392"/>
      <c r="F12" s="392"/>
      <c r="G12" s="563" t="s">
        <v>812</v>
      </c>
      <c r="H12" s="563"/>
      <c r="I12" s="563"/>
      <c r="J12" s="563"/>
      <c r="K12" s="563"/>
      <c r="L12" s="563"/>
      <c r="M12" s="563"/>
      <c r="N12" s="563" t="s">
        <v>813</v>
      </c>
      <c r="O12" s="563"/>
      <c r="P12" s="563"/>
      <c r="Q12" s="563"/>
      <c r="R12" s="563"/>
      <c r="S12" s="563"/>
      <c r="T12" s="563"/>
      <c r="U12" s="564" t="s">
        <v>814</v>
      </c>
      <c r="V12" s="564"/>
      <c r="W12" s="564"/>
      <c r="X12" s="564"/>
      <c r="Y12" s="564"/>
      <c r="Z12" s="564"/>
      <c r="AA12" s="564"/>
    </row>
    <row r="13" spans="2:27" ht="20.100000000000001" customHeight="1" x14ac:dyDescent="0.15">
      <c r="B13" s="421"/>
      <c r="C13" s="392"/>
      <c r="D13" s="392"/>
      <c r="E13" s="392"/>
      <c r="F13" s="392"/>
      <c r="G13" s="563" t="s">
        <v>815</v>
      </c>
      <c r="H13" s="563"/>
      <c r="I13" s="563"/>
      <c r="J13" s="563"/>
      <c r="K13" s="563"/>
      <c r="L13" s="563"/>
      <c r="M13" s="563"/>
      <c r="N13" s="563" t="s">
        <v>816</v>
      </c>
      <c r="O13" s="563"/>
      <c r="P13" s="563"/>
      <c r="Q13" s="563"/>
      <c r="R13" s="563"/>
      <c r="S13" s="563"/>
      <c r="T13" s="563"/>
      <c r="U13" s="564" t="s">
        <v>817</v>
      </c>
      <c r="V13" s="564"/>
      <c r="W13" s="564"/>
      <c r="X13" s="564"/>
      <c r="Y13" s="564"/>
      <c r="Z13" s="564"/>
      <c r="AA13" s="564"/>
    </row>
    <row r="14" spans="2:27" ht="20.100000000000001" customHeight="1" x14ac:dyDescent="0.15">
      <c r="B14" s="404"/>
      <c r="C14" s="405"/>
      <c r="D14" s="405"/>
      <c r="E14" s="405"/>
      <c r="F14" s="405"/>
      <c r="G14" s="563" t="s">
        <v>818</v>
      </c>
      <c r="H14" s="563"/>
      <c r="I14" s="563"/>
      <c r="J14" s="563"/>
      <c r="K14" s="563"/>
      <c r="L14" s="563"/>
      <c r="M14" s="563"/>
      <c r="N14" s="563"/>
      <c r="O14" s="563"/>
      <c r="P14" s="563"/>
      <c r="Q14" s="563"/>
      <c r="R14" s="563"/>
      <c r="S14" s="563"/>
      <c r="T14" s="563"/>
      <c r="U14" s="564"/>
      <c r="V14" s="564"/>
      <c r="W14" s="564"/>
      <c r="X14" s="564"/>
      <c r="Y14" s="564"/>
      <c r="Z14" s="564"/>
      <c r="AA14" s="564"/>
    </row>
    <row r="15" spans="2:27" ht="20.25" customHeight="1" x14ac:dyDescent="0.15">
      <c r="B15" s="398" t="s">
        <v>819</v>
      </c>
      <c r="C15" s="399"/>
      <c r="D15" s="399"/>
      <c r="E15" s="399"/>
      <c r="F15" s="400"/>
      <c r="G15" s="426" t="s">
        <v>820</v>
      </c>
      <c r="H15" s="427"/>
      <c r="I15" s="427"/>
      <c r="J15" s="427"/>
      <c r="K15" s="427"/>
      <c r="L15" s="427"/>
      <c r="M15" s="427"/>
      <c r="N15" s="427"/>
      <c r="O15" s="427"/>
      <c r="P15" s="427"/>
      <c r="Q15" s="427"/>
      <c r="R15" s="427"/>
      <c r="S15" s="427"/>
      <c r="T15" s="427"/>
      <c r="U15" s="427"/>
      <c r="V15" s="427"/>
      <c r="W15" s="427"/>
      <c r="X15" s="427"/>
      <c r="Y15" s="427"/>
      <c r="Z15" s="427"/>
      <c r="AA15" s="428"/>
    </row>
    <row r="16" spans="2:27" s="290" customFormat="1" ht="9" customHeight="1" x14ac:dyDescent="0.15"/>
    <row r="17" spans="2:27" s="290" customFormat="1" ht="17.25" customHeight="1" x14ac:dyDescent="0.15">
      <c r="B17" s="290" t="s">
        <v>821</v>
      </c>
    </row>
    <row r="18" spans="2:27" s="290" customFormat="1" ht="6" customHeight="1" x14ac:dyDescent="0.15">
      <c r="B18" s="296"/>
      <c r="C18" s="297"/>
      <c r="D18" s="297"/>
      <c r="E18" s="297"/>
      <c r="F18" s="297"/>
      <c r="G18" s="297"/>
      <c r="H18" s="297"/>
      <c r="I18" s="297"/>
      <c r="J18" s="297"/>
      <c r="K18" s="297"/>
      <c r="L18" s="297"/>
      <c r="M18" s="297"/>
      <c r="N18" s="297"/>
      <c r="O18" s="297"/>
      <c r="P18" s="297"/>
      <c r="Q18" s="297"/>
      <c r="R18" s="297"/>
      <c r="S18" s="297"/>
      <c r="T18" s="297"/>
      <c r="U18" s="297"/>
      <c r="V18" s="297"/>
      <c r="W18" s="297"/>
      <c r="X18" s="297"/>
      <c r="Y18" s="297"/>
      <c r="Z18" s="297"/>
      <c r="AA18" s="298"/>
    </row>
    <row r="19" spans="2:27" s="290" customFormat="1" ht="19.5" customHeight="1" x14ac:dyDescent="0.15">
      <c r="B19" s="295"/>
      <c r="C19" s="290" t="s">
        <v>822</v>
      </c>
      <c r="D19" s="272"/>
      <c r="E19" s="272"/>
      <c r="F19" s="272"/>
      <c r="G19" s="272"/>
      <c r="H19" s="272"/>
      <c r="I19" s="272"/>
      <c r="J19" s="272"/>
      <c r="K19" s="272"/>
      <c r="L19" s="272"/>
      <c r="M19" s="272"/>
      <c r="N19" s="272"/>
      <c r="O19" s="272"/>
      <c r="Y19" s="519" t="s">
        <v>542</v>
      </c>
      <c r="Z19" s="519"/>
      <c r="AA19" s="294"/>
    </row>
    <row r="20" spans="2:27" s="290" customFormat="1" x14ac:dyDescent="0.15">
      <c r="B20" s="295"/>
      <c r="D20" s="272"/>
      <c r="E20" s="272"/>
      <c r="F20" s="272"/>
      <c r="G20" s="272"/>
      <c r="H20" s="272"/>
      <c r="I20" s="272"/>
      <c r="J20" s="272"/>
      <c r="K20" s="272"/>
      <c r="L20" s="272"/>
      <c r="M20" s="272"/>
      <c r="N20" s="272"/>
      <c r="O20" s="272"/>
      <c r="Y20" s="335"/>
      <c r="Z20" s="335"/>
      <c r="AA20" s="294"/>
    </row>
    <row r="21" spans="2:27" s="290" customFormat="1" x14ac:dyDescent="0.15">
      <c r="B21" s="295"/>
      <c r="C21" s="290" t="s">
        <v>823</v>
      </c>
      <c r="D21" s="272"/>
      <c r="E21" s="272"/>
      <c r="F21" s="272"/>
      <c r="G21" s="272"/>
      <c r="H21" s="272"/>
      <c r="I21" s="272"/>
      <c r="J21" s="272"/>
      <c r="K21" s="272"/>
      <c r="L21" s="272"/>
      <c r="M21" s="272"/>
      <c r="N21" s="272"/>
      <c r="O21" s="272"/>
      <c r="Y21" s="335"/>
      <c r="Z21" s="335"/>
      <c r="AA21" s="294"/>
    </row>
    <row r="22" spans="2:27" s="290" customFormat="1" ht="19.5" customHeight="1" x14ac:dyDescent="0.15">
      <c r="B22" s="295"/>
      <c r="C22" s="290" t="s">
        <v>824</v>
      </c>
      <c r="D22" s="272"/>
      <c r="E22" s="272"/>
      <c r="F22" s="272"/>
      <c r="G22" s="272"/>
      <c r="H22" s="272"/>
      <c r="I22" s="272"/>
      <c r="J22" s="272"/>
      <c r="K22" s="272"/>
      <c r="L22" s="272"/>
      <c r="M22" s="272"/>
      <c r="N22" s="272"/>
      <c r="O22" s="272"/>
      <c r="Y22" s="519" t="s">
        <v>542</v>
      </c>
      <c r="Z22" s="519"/>
      <c r="AA22" s="294"/>
    </row>
    <row r="23" spans="2:27" s="290" customFormat="1" ht="19.5" customHeight="1" x14ac:dyDescent="0.15">
      <c r="B23" s="295"/>
      <c r="C23" s="290" t="s">
        <v>825</v>
      </c>
      <c r="D23" s="272"/>
      <c r="E23" s="272"/>
      <c r="F23" s="272"/>
      <c r="G23" s="272"/>
      <c r="H23" s="272"/>
      <c r="I23" s="272"/>
      <c r="J23" s="272"/>
      <c r="K23" s="272"/>
      <c r="L23" s="272"/>
      <c r="M23" s="272"/>
      <c r="N23" s="272"/>
      <c r="O23" s="272"/>
      <c r="Y23" s="519" t="s">
        <v>542</v>
      </c>
      <c r="Z23" s="519"/>
      <c r="AA23" s="294"/>
    </row>
    <row r="24" spans="2:27" s="290" customFormat="1" ht="19.5" customHeight="1" x14ac:dyDescent="0.15">
      <c r="B24" s="295"/>
      <c r="C24" s="290" t="s">
        <v>826</v>
      </c>
      <c r="D24" s="272"/>
      <c r="E24" s="272"/>
      <c r="F24" s="272"/>
      <c r="G24" s="272"/>
      <c r="H24" s="272"/>
      <c r="I24" s="272"/>
      <c r="J24" s="272"/>
      <c r="K24" s="272"/>
      <c r="L24" s="272"/>
      <c r="M24" s="272"/>
      <c r="N24" s="272"/>
      <c r="O24" s="272"/>
      <c r="Y24" s="519" t="s">
        <v>542</v>
      </c>
      <c r="Z24" s="519"/>
      <c r="AA24" s="294"/>
    </row>
    <row r="25" spans="2:27" s="290" customFormat="1" ht="19.5" customHeight="1" x14ac:dyDescent="0.15">
      <c r="B25" s="295"/>
      <c r="D25" s="493" t="s">
        <v>827</v>
      </c>
      <c r="E25" s="493"/>
      <c r="F25" s="493"/>
      <c r="G25" s="493"/>
      <c r="H25" s="493"/>
      <c r="I25" s="493"/>
      <c r="J25" s="493"/>
      <c r="K25" s="272"/>
      <c r="L25" s="272"/>
      <c r="M25" s="272"/>
      <c r="N25" s="272"/>
      <c r="O25" s="272"/>
      <c r="Y25" s="335"/>
      <c r="Z25" s="335"/>
      <c r="AA25" s="294"/>
    </row>
    <row r="26" spans="2:27" s="290" customFormat="1" ht="24.95" customHeight="1" x14ac:dyDescent="0.15">
      <c r="B26" s="295"/>
      <c r="C26" s="290" t="s">
        <v>828</v>
      </c>
      <c r="AA26" s="294"/>
    </row>
    <row r="27" spans="2:27" s="290" customFormat="1" ht="6.75" customHeight="1" x14ac:dyDescent="0.15">
      <c r="B27" s="295"/>
      <c r="AA27" s="294"/>
    </row>
    <row r="28" spans="2:27" s="290" customFormat="1" ht="23.25" customHeight="1" x14ac:dyDescent="0.15">
      <c r="B28" s="295" t="s">
        <v>100</v>
      </c>
      <c r="C28" s="398" t="s">
        <v>101</v>
      </c>
      <c r="D28" s="399"/>
      <c r="E28" s="399"/>
      <c r="F28" s="399"/>
      <c r="G28" s="399"/>
      <c r="H28" s="400"/>
      <c r="I28" s="482"/>
      <c r="J28" s="482"/>
      <c r="K28" s="482"/>
      <c r="L28" s="482"/>
      <c r="M28" s="482"/>
      <c r="N28" s="482"/>
      <c r="O28" s="482"/>
      <c r="P28" s="482"/>
      <c r="Q28" s="482"/>
      <c r="R28" s="482"/>
      <c r="S28" s="482"/>
      <c r="T28" s="482"/>
      <c r="U28" s="482"/>
      <c r="V28" s="482"/>
      <c r="W28" s="482"/>
      <c r="X28" s="482"/>
      <c r="Y28" s="482"/>
      <c r="Z28" s="518"/>
      <c r="AA28" s="294"/>
    </row>
    <row r="29" spans="2:27" s="290" customFormat="1" ht="23.25" customHeight="1" x14ac:dyDescent="0.15">
      <c r="B29" s="295" t="s">
        <v>100</v>
      </c>
      <c r="C29" s="398" t="s">
        <v>102</v>
      </c>
      <c r="D29" s="399"/>
      <c r="E29" s="399"/>
      <c r="F29" s="399"/>
      <c r="G29" s="399"/>
      <c r="H29" s="400"/>
      <c r="I29" s="482"/>
      <c r="J29" s="482"/>
      <c r="K29" s="482"/>
      <c r="L29" s="482"/>
      <c r="M29" s="482"/>
      <c r="N29" s="482"/>
      <c r="O29" s="482"/>
      <c r="P29" s="482"/>
      <c r="Q29" s="482"/>
      <c r="R29" s="482"/>
      <c r="S29" s="482"/>
      <c r="T29" s="482"/>
      <c r="U29" s="482"/>
      <c r="V29" s="482"/>
      <c r="W29" s="482"/>
      <c r="X29" s="482"/>
      <c r="Y29" s="482"/>
      <c r="Z29" s="518"/>
      <c r="AA29" s="294"/>
    </row>
    <row r="30" spans="2:27" s="290" customFormat="1" ht="23.25" customHeight="1" x14ac:dyDescent="0.15">
      <c r="B30" s="295" t="s">
        <v>100</v>
      </c>
      <c r="C30" s="398" t="s">
        <v>103</v>
      </c>
      <c r="D30" s="399"/>
      <c r="E30" s="399"/>
      <c r="F30" s="399"/>
      <c r="G30" s="399"/>
      <c r="H30" s="400"/>
      <c r="I30" s="482"/>
      <c r="J30" s="482"/>
      <c r="K30" s="482"/>
      <c r="L30" s="482"/>
      <c r="M30" s="482"/>
      <c r="N30" s="482"/>
      <c r="O30" s="482"/>
      <c r="P30" s="482"/>
      <c r="Q30" s="482"/>
      <c r="R30" s="482"/>
      <c r="S30" s="482"/>
      <c r="T30" s="482"/>
      <c r="U30" s="482"/>
      <c r="V30" s="482"/>
      <c r="W30" s="482"/>
      <c r="X30" s="482"/>
      <c r="Y30" s="482"/>
      <c r="Z30" s="518"/>
      <c r="AA30" s="294"/>
    </row>
    <row r="31" spans="2:27" s="290" customFormat="1" ht="9" customHeight="1" x14ac:dyDescent="0.15">
      <c r="B31" s="295"/>
      <c r="C31" s="272"/>
      <c r="D31" s="272"/>
      <c r="E31" s="272"/>
      <c r="F31" s="272"/>
      <c r="G31" s="272"/>
      <c r="H31" s="272"/>
      <c r="I31" s="2"/>
      <c r="J31" s="2"/>
      <c r="K31" s="2"/>
      <c r="L31" s="2"/>
      <c r="M31" s="2"/>
      <c r="N31" s="2"/>
      <c r="O31" s="2"/>
      <c r="P31" s="2"/>
      <c r="Q31" s="2"/>
      <c r="R31" s="2"/>
      <c r="S31" s="2"/>
      <c r="T31" s="2"/>
      <c r="U31" s="2"/>
      <c r="V31" s="2"/>
      <c r="W31" s="2"/>
      <c r="X31" s="2"/>
      <c r="Y31" s="2"/>
      <c r="Z31" s="2"/>
      <c r="AA31" s="294"/>
    </row>
    <row r="32" spans="2:27" s="290" customFormat="1" ht="19.5" customHeight="1" x14ac:dyDescent="0.15">
      <c r="B32" s="295"/>
      <c r="C32" s="290" t="s">
        <v>829</v>
      </c>
      <c r="D32" s="272"/>
      <c r="E32" s="272"/>
      <c r="F32" s="272"/>
      <c r="G32" s="272"/>
      <c r="H32" s="272"/>
      <c r="I32" s="272"/>
      <c r="J32" s="272"/>
      <c r="K32" s="272"/>
      <c r="L32" s="272"/>
      <c r="M32" s="272"/>
      <c r="N32" s="272"/>
      <c r="O32" s="272"/>
      <c r="Y32" s="519" t="s">
        <v>542</v>
      </c>
      <c r="Z32" s="519"/>
      <c r="AA32" s="294"/>
    </row>
    <row r="33" spans="1:37" s="290" customFormat="1" ht="12.75" customHeight="1" x14ac:dyDescent="0.15">
      <c r="B33" s="295"/>
      <c r="D33" s="272"/>
      <c r="E33" s="272"/>
      <c r="F33" s="272"/>
      <c r="G33" s="272"/>
      <c r="H33" s="272"/>
      <c r="I33" s="272"/>
      <c r="J33" s="272"/>
      <c r="K33" s="272"/>
      <c r="L33" s="272"/>
      <c r="M33" s="272"/>
      <c r="N33" s="272"/>
      <c r="O33" s="272"/>
      <c r="Y33" s="335"/>
      <c r="Z33" s="335"/>
      <c r="AA33" s="294"/>
    </row>
    <row r="34" spans="1:37" s="290" customFormat="1" ht="19.5" customHeight="1" x14ac:dyDescent="0.15">
      <c r="B34" s="295"/>
      <c r="C34" s="565" t="s">
        <v>1040</v>
      </c>
      <c r="D34" s="565"/>
      <c r="E34" s="565"/>
      <c r="F34" s="565"/>
      <c r="G34" s="565"/>
      <c r="H34" s="565"/>
      <c r="I34" s="565"/>
      <c r="J34" s="565"/>
      <c r="K34" s="565"/>
      <c r="L34" s="565"/>
      <c r="M34" s="565"/>
      <c r="N34" s="565"/>
      <c r="O34" s="565"/>
      <c r="P34" s="565"/>
      <c r="Q34" s="565"/>
      <c r="R34" s="565"/>
      <c r="S34" s="565"/>
      <c r="T34" s="565"/>
      <c r="U34" s="565"/>
      <c r="V34" s="565"/>
      <c r="W34" s="565"/>
      <c r="X34" s="565"/>
      <c r="Y34" s="565"/>
      <c r="Z34" s="565"/>
      <c r="AA34" s="294"/>
    </row>
    <row r="35" spans="1:37" s="290" customFormat="1" ht="19.5" customHeight="1" x14ac:dyDescent="0.15">
      <c r="B35" s="295"/>
      <c r="C35" s="565" t="s">
        <v>1041</v>
      </c>
      <c r="D35" s="565"/>
      <c r="E35" s="565"/>
      <c r="F35" s="565"/>
      <c r="G35" s="565"/>
      <c r="H35" s="565"/>
      <c r="I35" s="565"/>
      <c r="J35" s="565"/>
      <c r="K35" s="565"/>
      <c r="L35" s="565"/>
      <c r="M35" s="565"/>
      <c r="N35" s="565"/>
      <c r="O35" s="565"/>
      <c r="P35" s="565"/>
      <c r="Q35" s="565"/>
      <c r="R35" s="565"/>
      <c r="S35" s="565"/>
      <c r="T35" s="565"/>
      <c r="U35" s="565"/>
      <c r="V35" s="565"/>
      <c r="W35" s="565"/>
      <c r="X35" s="565"/>
      <c r="Y35" s="565"/>
      <c r="Z35" s="565"/>
      <c r="AA35" s="294"/>
    </row>
    <row r="36" spans="1:37" s="290" customFormat="1" ht="19.5" customHeight="1" x14ac:dyDescent="0.15">
      <c r="B36" s="295"/>
      <c r="C36" s="493" t="s">
        <v>1042</v>
      </c>
      <c r="D36" s="493"/>
      <c r="E36" s="493"/>
      <c r="F36" s="493"/>
      <c r="G36" s="493"/>
      <c r="H36" s="493"/>
      <c r="I36" s="493"/>
      <c r="J36" s="493"/>
      <c r="K36" s="493"/>
      <c r="L36" s="493"/>
      <c r="M36" s="493"/>
      <c r="N36" s="493"/>
      <c r="O36" s="493"/>
      <c r="P36" s="493"/>
      <c r="Q36" s="493"/>
      <c r="R36" s="493"/>
      <c r="S36" s="493"/>
      <c r="T36" s="493"/>
      <c r="U36" s="493"/>
      <c r="V36" s="493"/>
      <c r="W36" s="493"/>
      <c r="X36" s="493"/>
      <c r="Y36" s="493"/>
      <c r="Z36" s="493"/>
      <c r="AA36" s="294"/>
    </row>
    <row r="37" spans="1:37" s="2" customFormat="1" ht="12.75" customHeight="1" x14ac:dyDescent="0.15">
      <c r="A37" s="290"/>
      <c r="B37" s="295"/>
      <c r="C37" s="272"/>
      <c r="D37" s="272"/>
      <c r="E37" s="272"/>
      <c r="F37" s="272"/>
      <c r="G37" s="272"/>
      <c r="H37" s="272"/>
      <c r="I37" s="272"/>
      <c r="J37" s="272"/>
      <c r="K37" s="272"/>
      <c r="L37" s="272"/>
      <c r="M37" s="272"/>
      <c r="N37" s="272"/>
      <c r="O37" s="272"/>
      <c r="P37" s="290"/>
      <c r="Q37" s="290"/>
      <c r="R37" s="290"/>
      <c r="S37" s="290"/>
      <c r="T37" s="290"/>
      <c r="U37" s="290"/>
      <c r="V37" s="290"/>
      <c r="W37" s="290"/>
      <c r="X37" s="290"/>
      <c r="Y37" s="290"/>
      <c r="Z37" s="290"/>
      <c r="AA37" s="294"/>
      <c r="AB37" s="290"/>
      <c r="AC37" s="290"/>
      <c r="AD37" s="290"/>
      <c r="AE37" s="290"/>
      <c r="AF37" s="290"/>
      <c r="AG37" s="290"/>
      <c r="AH37" s="290"/>
      <c r="AI37" s="290"/>
      <c r="AJ37" s="290"/>
      <c r="AK37" s="290"/>
    </row>
    <row r="38" spans="1:37" s="2" customFormat="1" ht="18" customHeight="1" x14ac:dyDescent="0.15">
      <c r="A38" s="290"/>
      <c r="B38" s="295"/>
      <c r="C38" s="290"/>
      <c r="D38" s="565" t="s">
        <v>830</v>
      </c>
      <c r="E38" s="565"/>
      <c r="F38" s="565"/>
      <c r="G38" s="565"/>
      <c r="H38" s="565"/>
      <c r="I38" s="565"/>
      <c r="J38" s="565"/>
      <c r="K38" s="565"/>
      <c r="L38" s="565"/>
      <c r="M38" s="565"/>
      <c r="N38" s="565"/>
      <c r="O38" s="565"/>
      <c r="P38" s="565"/>
      <c r="Q38" s="565"/>
      <c r="R38" s="565"/>
      <c r="S38" s="565"/>
      <c r="T38" s="565"/>
      <c r="U38" s="565"/>
      <c r="V38" s="565"/>
      <c r="W38" s="290"/>
      <c r="X38" s="290"/>
      <c r="Y38" s="519" t="s">
        <v>542</v>
      </c>
      <c r="Z38" s="519"/>
      <c r="AA38" s="294"/>
      <c r="AB38" s="290"/>
      <c r="AC38" s="290"/>
      <c r="AD38" s="290"/>
      <c r="AE38" s="290"/>
      <c r="AF38" s="290"/>
      <c r="AG38" s="290"/>
      <c r="AH38" s="290"/>
      <c r="AI38" s="290"/>
      <c r="AJ38" s="290"/>
      <c r="AK38" s="290"/>
    </row>
    <row r="39" spans="1:37" s="2" customFormat="1" ht="37.5" customHeight="1" x14ac:dyDescent="0.15">
      <c r="B39" s="291"/>
      <c r="D39" s="565" t="s">
        <v>105</v>
      </c>
      <c r="E39" s="565"/>
      <c r="F39" s="565"/>
      <c r="G39" s="565"/>
      <c r="H39" s="565"/>
      <c r="I39" s="565"/>
      <c r="J39" s="565"/>
      <c r="K39" s="565"/>
      <c r="L39" s="565"/>
      <c r="M39" s="565"/>
      <c r="N39" s="565"/>
      <c r="O39" s="565"/>
      <c r="P39" s="565"/>
      <c r="Q39" s="565"/>
      <c r="R39" s="565"/>
      <c r="S39" s="565"/>
      <c r="T39" s="565"/>
      <c r="U39" s="565"/>
      <c r="V39" s="565"/>
      <c r="Y39" s="519" t="s">
        <v>542</v>
      </c>
      <c r="Z39" s="519"/>
      <c r="AA39" s="88"/>
    </row>
    <row r="40" spans="1:37" ht="19.5" customHeight="1" x14ac:dyDescent="0.15">
      <c r="A40" s="2"/>
      <c r="B40" s="291"/>
      <c r="C40" s="2"/>
      <c r="D40" s="565" t="s">
        <v>525</v>
      </c>
      <c r="E40" s="565"/>
      <c r="F40" s="565"/>
      <c r="G40" s="565"/>
      <c r="H40" s="565"/>
      <c r="I40" s="565"/>
      <c r="J40" s="565"/>
      <c r="K40" s="565"/>
      <c r="L40" s="565"/>
      <c r="M40" s="565"/>
      <c r="N40" s="565"/>
      <c r="O40" s="565"/>
      <c r="P40" s="565"/>
      <c r="Q40" s="565"/>
      <c r="R40" s="565"/>
      <c r="S40" s="565"/>
      <c r="T40" s="565"/>
      <c r="U40" s="565"/>
      <c r="V40" s="565"/>
      <c r="W40" s="2"/>
      <c r="X40" s="2"/>
      <c r="Y40" s="519" t="s">
        <v>542</v>
      </c>
      <c r="Z40" s="519"/>
      <c r="AA40" s="88"/>
      <c r="AB40" s="2"/>
      <c r="AC40" s="2"/>
      <c r="AD40" s="2"/>
      <c r="AE40" s="2"/>
      <c r="AF40" s="2"/>
      <c r="AG40" s="2"/>
      <c r="AH40" s="2"/>
      <c r="AI40" s="2"/>
      <c r="AJ40" s="2"/>
      <c r="AK40" s="2"/>
    </row>
    <row r="41" spans="1:37" s="290" customFormat="1" ht="19.5" customHeight="1" x14ac:dyDescent="0.15">
      <c r="A41" s="2"/>
      <c r="B41" s="291"/>
      <c r="C41" s="2"/>
      <c r="D41" s="565" t="s">
        <v>1043</v>
      </c>
      <c r="E41" s="565"/>
      <c r="F41" s="565"/>
      <c r="G41" s="565"/>
      <c r="H41" s="565"/>
      <c r="I41" s="565"/>
      <c r="J41" s="565"/>
      <c r="K41" s="565"/>
      <c r="L41" s="565"/>
      <c r="M41" s="565"/>
      <c r="N41" s="565"/>
      <c r="O41" s="565"/>
      <c r="P41" s="565"/>
      <c r="Q41" s="565"/>
      <c r="R41" s="565"/>
      <c r="S41" s="565"/>
      <c r="T41" s="565"/>
      <c r="U41" s="565"/>
      <c r="V41" s="565"/>
      <c r="W41" s="2"/>
      <c r="X41" s="2"/>
      <c r="Y41" s="519" t="s">
        <v>542</v>
      </c>
      <c r="Z41" s="519"/>
      <c r="AA41" s="88"/>
      <c r="AB41" s="2"/>
      <c r="AC41" s="2"/>
      <c r="AD41" s="2"/>
      <c r="AE41" s="2"/>
      <c r="AF41" s="2"/>
      <c r="AG41" s="2"/>
      <c r="AH41" s="2"/>
      <c r="AI41" s="2"/>
      <c r="AJ41" s="2"/>
      <c r="AK41" s="2"/>
    </row>
    <row r="42" spans="1:37" s="290" customFormat="1" ht="16.5" customHeight="1" x14ac:dyDescent="0.15">
      <c r="A42" s="2"/>
      <c r="B42" s="291"/>
      <c r="C42" s="2"/>
      <c r="D42" s="565" t="s">
        <v>1044</v>
      </c>
      <c r="E42" s="565"/>
      <c r="F42" s="565"/>
      <c r="G42" s="565"/>
      <c r="H42" s="565"/>
      <c r="I42" s="565"/>
      <c r="J42" s="565"/>
      <c r="K42" s="565"/>
      <c r="L42" s="565"/>
      <c r="M42" s="565"/>
      <c r="N42" s="565"/>
      <c r="O42" s="565"/>
      <c r="P42" s="565"/>
      <c r="Q42" s="565"/>
      <c r="R42" s="565"/>
      <c r="S42" s="565"/>
      <c r="T42" s="565"/>
      <c r="U42" s="565"/>
      <c r="V42" s="565"/>
      <c r="W42" s="2"/>
      <c r="X42" s="2"/>
      <c r="Y42" s="148"/>
      <c r="Z42" s="148"/>
      <c r="AA42" s="88"/>
      <c r="AB42" s="2"/>
      <c r="AC42" s="2"/>
      <c r="AD42" s="2"/>
      <c r="AE42" s="2"/>
      <c r="AF42" s="2"/>
      <c r="AG42" s="2"/>
      <c r="AH42" s="2"/>
      <c r="AI42" s="2"/>
      <c r="AJ42" s="2"/>
      <c r="AK42" s="2"/>
    </row>
    <row r="43" spans="1:37" s="290" customFormat="1" ht="8.25" customHeight="1" x14ac:dyDescent="0.15">
      <c r="A43" s="3"/>
      <c r="B43" s="278"/>
      <c r="C43" s="59"/>
      <c r="D43" s="59"/>
      <c r="E43" s="59"/>
      <c r="F43" s="59"/>
      <c r="G43" s="59"/>
      <c r="H43" s="59"/>
      <c r="I43" s="59"/>
      <c r="J43" s="59"/>
      <c r="K43" s="59"/>
      <c r="L43" s="59"/>
      <c r="M43" s="59"/>
      <c r="N43" s="59"/>
      <c r="O43" s="59"/>
      <c r="P43" s="59"/>
      <c r="Q43" s="59"/>
      <c r="R43" s="59"/>
      <c r="S43" s="59"/>
      <c r="T43" s="59"/>
      <c r="U43" s="59"/>
      <c r="V43" s="59"/>
      <c r="W43" s="59"/>
      <c r="X43" s="59"/>
      <c r="Y43" s="59"/>
      <c r="Z43" s="59"/>
      <c r="AA43" s="60"/>
      <c r="AB43" s="3"/>
      <c r="AC43" s="3"/>
      <c r="AD43" s="3"/>
      <c r="AE43" s="3"/>
      <c r="AF43" s="3"/>
      <c r="AG43" s="3"/>
      <c r="AH43" s="3"/>
      <c r="AI43" s="3"/>
      <c r="AJ43" s="3"/>
      <c r="AK43" s="3"/>
    </row>
    <row r="44" spans="1:37" s="290" customFormat="1" x14ac:dyDescent="0.15"/>
    <row r="45" spans="1:37" s="290" customFormat="1" ht="19.5" customHeight="1" x14ac:dyDescent="0.15">
      <c r="B45" s="290" t="s">
        <v>831</v>
      </c>
    </row>
    <row r="46" spans="1:37" s="290" customFormat="1" ht="19.5" customHeight="1" x14ac:dyDescent="0.15">
      <c r="B46" s="296"/>
      <c r="C46" s="297"/>
      <c r="D46" s="297"/>
      <c r="E46" s="297"/>
      <c r="F46" s="297"/>
      <c r="G46" s="297"/>
      <c r="H46" s="297"/>
      <c r="I46" s="297"/>
      <c r="J46" s="297"/>
      <c r="K46" s="297"/>
      <c r="L46" s="297"/>
      <c r="M46" s="297"/>
      <c r="N46" s="297"/>
      <c r="O46" s="297"/>
      <c r="P46" s="297"/>
      <c r="Q46" s="297"/>
      <c r="R46" s="297"/>
      <c r="S46" s="297"/>
      <c r="T46" s="297"/>
      <c r="U46" s="297"/>
      <c r="V46" s="297"/>
      <c r="W46" s="297"/>
      <c r="X46" s="297"/>
      <c r="Y46" s="297"/>
      <c r="Z46" s="297"/>
      <c r="AA46" s="298"/>
    </row>
    <row r="47" spans="1:37" s="290" customFormat="1" ht="19.5" customHeight="1" x14ac:dyDescent="0.15">
      <c r="B47" s="295"/>
      <c r="C47" s="290" t="s">
        <v>832</v>
      </c>
      <c r="D47" s="272"/>
      <c r="E47" s="272"/>
      <c r="F47" s="272"/>
      <c r="G47" s="272"/>
      <c r="H47" s="272"/>
      <c r="I47" s="272"/>
      <c r="J47" s="272"/>
      <c r="K47" s="272"/>
      <c r="L47" s="272"/>
      <c r="M47" s="272"/>
      <c r="N47" s="272"/>
      <c r="O47" s="272"/>
      <c r="Y47" s="335"/>
      <c r="Z47" s="335"/>
      <c r="AA47" s="294"/>
    </row>
    <row r="48" spans="1:37" s="290" customFormat="1" ht="19.5" customHeight="1" x14ac:dyDescent="0.15">
      <c r="B48" s="295"/>
      <c r="C48" s="290" t="s">
        <v>833</v>
      </c>
      <c r="D48" s="272"/>
      <c r="E48" s="272"/>
      <c r="F48" s="272"/>
      <c r="G48" s="272"/>
      <c r="H48" s="272"/>
      <c r="I48" s="272"/>
      <c r="J48" s="272"/>
      <c r="K48" s="272"/>
      <c r="L48" s="272"/>
      <c r="M48" s="272"/>
      <c r="N48" s="272"/>
      <c r="O48" s="272"/>
      <c r="Y48" s="519" t="s">
        <v>542</v>
      </c>
      <c r="Z48" s="519"/>
      <c r="AA48" s="294"/>
    </row>
    <row r="49" spans="1:37" s="290" customFormat="1" ht="19.5" customHeight="1" x14ac:dyDescent="0.15">
      <c r="B49" s="295"/>
      <c r="D49" s="481" t="s">
        <v>834</v>
      </c>
      <c r="E49" s="482"/>
      <c r="F49" s="482"/>
      <c r="G49" s="482"/>
      <c r="H49" s="482"/>
      <c r="I49" s="482"/>
      <c r="J49" s="482"/>
      <c r="K49" s="482"/>
      <c r="L49" s="482"/>
      <c r="M49" s="482"/>
      <c r="N49" s="482"/>
      <c r="O49" s="482"/>
      <c r="P49" s="482"/>
      <c r="Q49" s="482"/>
      <c r="R49" s="566" t="s">
        <v>181</v>
      </c>
      <c r="S49" s="567"/>
      <c r="T49" s="567"/>
      <c r="U49" s="567"/>
      <c r="V49" s="568"/>
      <c r="AA49" s="294"/>
    </row>
    <row r="50" spans="1:37" s="290" customFormat="1" ht="19.5" customHeight="1" x14ac:dyDescent="0.15">
      <c r="B50" s="295"/>
      <c r="D50" s="481" t="s">
        <v>835</v>
      </c>
      <c r="E50" s="482"/>
      <c r="F50" s="482"/>
      <c r="G50" s="482"/>
      <c r="H50" s="482"/>
      <c r="I50" s="482"/>
      <c r="J50" s="482"/>
      <c r="K50" s="482"/>
      <c r="L50" s="482"/>
      <c r="M50" s="482"/>
      <c r="N50" s="482"/>
      <c r="O50" s="482"/>
      <c r="P50" s="482"/>
      <c r="Q50" s="518"/>
      <c r="R50" s="566" t="s">
        <v>181</v>
      </c>
      <c r="S50" s="567"/>
      <c r="T50" s="567"/>
      <c r="U50" s="567"/>
      <c r="V50" s="568"/>
      <c r="AA50" s="294"/>
    </row>
    <row r="51" spans="1:37" s="290" customFormat="1" ht="19.5" customHeight="1" x14ac:dyDescent="0.15">
      <c r="B51" s="295"/>
      <c r="C51" s="290" t="s">
        <v>825</v>
      </c>
      <c r="D51" s="272"/>
      <c r="E51" s="272"/>
      <c r="F51" s="272"/>
      <c r="G51" s="272"/>
      <c r="H51" s="272"/>
      <c r="I51" s="272"/>
      <c r="J51" s="272"/>
      <c r="K51" s="272"/>
      <c r="L51" s="272"/>
      <c r="M51" s="272"/>
      <c r="N51" s="272"/>
      <c r="O51" s="272"/>
      <c r="Y51" s="519" t="s">
        <v>542</v>
      </c>
      <c r="Z51" s="519"/>
      <c r="AA51" s="294"/>
    </row>
    <row r="52" spans="1:37" s="290" customFormat="1" ht="19.5" customHeight="1" x14ac:dyDescent="0.15">
      <c r="B52" s="295"/>
      <c r="C52" s="290" t="s">
        <v>826</v>
      </c>
      <c r="D52" s="272"/>
      <c r="E52" s="272"/>
      <c r="F52" s="272"/>
      <c r="G52" s="272"/>
      <c r="H52" s="272"/>
      <c r="I52" s="272"/>
      <c r="J52" s="272"/>
      <c r="K52" s="272"/>
      <c r="L52" s="272"/>
      <c r="M52" s="272"/>
      <c r="N52" s="272"/>
      <c r="O52" s="272"/>
      <c r="Y52" s="519" t="s">
        <v>542</v>
      </c>
      <c r="Z52" s="519"/>
      <c r="AA52" s="294"/>
    </row>
    <row r="53" spans="1:37" s="290" customFormat="1" ht="23.25" customHeight="1" x14ac:dyDescent="0.15">
      <c r="B53" s="295"/>
      <c r="D53" s="493" t="s">
        <v>827</v>
      </c>
      <c r="E53" s="493"/>
      <c r="F53" s="493"/>
      <c r="G53" s="493"/>
      <c r="H53" s="493"/>
      <c r="I53" s="493"/>
      <c r="J53" s="493"/>
      <c r="K53" s="272"/>
      <c r="L53" s="272"/>
      <c r="M53" s="272"/>
      <c r="N53" s="272"/>
      <c r="O53" s="272"/>
      <c r="Y53" s="335"/>
      <c r="Z53" s="335"/>
      <c r="AA53" s="294"/>
    </row>
    <row r="54" spans="1:37" s="290" customFormat="1" ht="23.25" customHeight="1" x14ac:dyDescent="0.15">
      <c r="B54" s="295"/>
      <c r="C54" s="290" t="s">
        <v>828</v>
      </c>
      <c r="AA54" s="294"/>
    </row>
    <row r="55" spans="1:37" s="290" customFormat="1" ht="6.75" customHeight="1" x14ac:dyDescent="0.15">
      <c r="B55" s="295"/>
      <c r="AA55" s="294"/>
    </row>
    <row r="56" spans="1:37" s="290" customFormat="1" ht="19.5" customHeight="1" x14ac:dyDescent="0.15">
      <c r="B56" s="295" t="s">
        <v>100</v>
      </c>
      <c r="C56" s="398" t="s">
        <v>101</v>
      </c>
      <c r="D56" s="399"/>
      <c r="E56" s="399"/>
      <c r="F56" s="399"/>
      <c r="G56" s="399"/>
      <c r="H56" s="400"/>
      <c r="I56" s="482"/>
      <c r="J56" s="482"/>
      <c r="K56" s="482"/>
      <c r="L56" s="482"/>
      <c r="M56" s="482"/>
      <c r="N56" s="482"/>
      <c r="O56" s="482"/>
      <c r="P56" s="482"/>
      <c r="Q56" s="482"/>
      <c r="R56" s="482"/>
      <c r="S56" s="482"/>
      <c r="T56" s="482"/>
      <c r="U56" s="482"/>
      <c r="V56" s="482"/>
      <c r="W56" s="482"/>
      <c r="X56" s="482"/>
      <c r="Y56" s="482"/>
      <c r="Z56" s="518"/>
      <c r="AA56" s="294"/>
    </row>
    <row r="57" spans="1:37" s="290" customFormat="1" ht="19.5" customHeight="1" x14ac:dyDescent="0.15">
      <c r="B57" s="295" t="s">
        <v>100</v>
      </c>
      <c r="C57" s="398" t="s">
        <v>102</v>
      </c>
      <c r="D57" s="399"/>
      <c r="E57" s="399"/>
      <c r="F57" s="399"/>
      <c r="G57" s="399"/>
      <c r="H57" s="400"/>
      <c r="I57" s="482"/>
      <c r="J57" s="482"/>
      <c r="K57" s="482"/>
      <c r="L57" s="482"/>
      <c r="M57" s="482"/>
      <c r="N57" s="482"/>
      <c r="O57" s="482"/>
      <c r="P57" s="482"/>
      <c r="Q57" s="482"/>
      <c r="R57" s="482"/>
      <c r="S57" s="482"/>
      <c r="T57" s="482"/>
      <c r="U57" s="482"/>
      <c r="V57" s="482"/>
      <c r="W57" s="482"/>
      <c r="X57" s="482"/>
      <c r="Y57" s="482"/>
      <c r="Z57" s="518"/>
      <c r="AA57" s="294"/>
    </row>
    <row r="58" spans="1:37" s="290" customFormat="1" ht="19.5" customHeight="1" x14ac:dyDescent="0.15">
      <c r="B58" s="295" t="s">
        <v>100</v>
      </c>
      <c r="C58" s="398" t="s">
        <v>103</v>
      </c>
      <c r="D58" s="399"/>
      <c r="E58" s="399"/>
      <c r="F58" s="399"/>
      <c r="G58" s="399"/>
      <c r="H58" s="400"/>
      <c r="I58" s="482"/>
      <c r="J58" s="482"/>
      <c r="K58" s="482"/>
      <c r="L58" s="482"/>
      <c r="M58" s="482"/>
      <c r="N58" s="482"/>
      <c r="O58" s="482"/>
      <c r="P58" s="482"/>
      <c r="Q58" s="482"/>
      <c r="R58" s="482"/>
      <c r="S58" s="482"/>
      <c r="T58" s="482"/>
      <c r="U58" s="482"/>
      <c r="V58" s="482"/>
      <c r="W58" s="482"/>
      <c r="X58" s="482"/>
      <c r="Y58" s="482"/>
      <c r="Z58" s="518"/>
      <c r="AA58" s="294"/>
    </row>
    <row r="59" spans="1:37" s="290" customFormat="1" ht="19.5" customHeight="1" x14ac:dyDescent="0.15">
      <c r="B59" s="295"/>
      <c r="C59" s="272"/>
      <c r="D59" s="272"/>
      <c r="E59" s="272"/>
      <c r="F59" s="272"/>
      <c r="G59" s="272"/>
      <c r="H59" s="272"/>
      <c r="I59" s="2"/>
      <c r="J59" s="2"/>
      <c r="K59" s="2"/>
      <c r="L59" s="2"/>
      <c r="M59" s="2"/>
      <c r="N59" s="2"/>
      <c r="O59" s="2"/>
      <c r="P59" s="2"/>
      <c r="Q59" s="2"/>
      <c r="R59" s="2"/>
      <c r="S59" s="2"/>
      <c r="T59" s="2"/>
      <c r="U59" s="2"/>
      <c r="V59" s="2"/>
      <c r="W59" s="2"/>
      <c r="X59" s="2"/>
      <c r="Y59" s="2"/>
      <c r="Z59" s="2"/>
      <c r="AA59" s="294"/>
    </row>
    <row r="60" spans="1:37" s="2" customFormat="1" ht="18" customHeight="1" x14ac:dyDescent="0.15">
      <c r="A60" s="290"/>
      <c r="B60" s="295"/>
      <c r="C60" s="407" t="s">
        <v>836</v>
      </c>
      <c r="D60" s="407"/>
      <c r="E60" s="407"/>
      <c r="F60" s="407"/>
      <c r="G60" s="407"/>
      <c r="H60" s="407"/>
      <c r="I60" s="407"/>
      <c r="J60" s="407"/>
      <c r="K60" s="407"/>
      <c r="L60" s="407"/>
      <c r="M60" s="407"/>
      <c r="N60" s="407"/>
      <c r="O60" s="407"/>
      <c r="P60" s="407"/>
      <c r="Q60" s="407"/>
      <c r="R60" s="407"/>
      <c r="S60" s="407"/>
      <c r="T60" s="407"/>
      <c r="U60" s="407"/>
      <c r="V60" s="407"/>
      <c r="W60" s="407"/>
      <c r="X60" s="407"/>
      <c r="Y60" s="407"/>
      <c r="Z60" s="407"/>
      <c r="AA60" s="458"/>
      <c r="AB60" s="290"/>
      <c r="AC60" s="290"/>
      <c r="AD60" s="290"/>
      <c r="AE60" s="290"/>
      <c r="AF60" s="290"/>
      <c r="AG60" s="290"/>
      <c r="AH60" s="290"/>
      <c r="AI60" s="290"/>
      <c r="AJ60" s="290"/>
      <c r="AK60" s="290"/>
    </row>
    <row r="61" spans="1:37" s="2" customFormat="1" ht="18" customHeight="1" x14ac:dyDescent="0.15">
      <c r="A61" s="290"/>
      <c r="B61" s="295"/>
      <c r="C61" s="272"/>
      <c r="D61" s="272"/>
      <c r="E61" s="272"/>
      <c r="F61" s="272"/>
      <c r="G61" s="272"/>
      <c r="H61" s="272"/>
      <c r="I61" s="272"/>
      <c r="J61" s="272"/>
      <c r="K61" s="272"/>
      <c r="L61" s="272"/>
      <c r="M61" s="272"/>
      <c r="N61" s="272"/>
      <c r="O61" s="272"/>
      <c r="P61" s="290"/>
      <c r="Q61" s="290"/>
      <c r="R61" s="290"/>
      <c r="S61" s="290"/>
      <c r="T61" s="290"/>
      <c r="U61" s="290"/>
      <c r="V61" s="290"/>
      <c r="W61" s="290"/>
      <c r="X61" s="290"/>
      <c r="Y61" s="290"/>
      <c r="Z61" s="290"/>
      <c r="AA61" s="294"/>
      <c r="AB61" s="290"/>
      <c r="AC61" s="290"/>
      <c r="AD61" s="290"/>
      <c r="AE61" s="290"/>
      <c r="AF61" s="290"/>
      <c r="AG61" s="290"/>
      <c r="AH61" s="290"/>
      <c r="AI61" s="290"/>
      <c r="AJ61" s="290"/>
      <c r="AK61" s="290"/>
    </row>
    <row r="62" spans="1:37" s="2" customFormat="1" ht="19.5" customHeight="1" x14ac:dyDescent="0.15">
      <c r="A62" s="290"/>
      <c r="B62" s="295"/>
      <c r="C62" s="290"/>
      <c r="D62" s="565" t="s">
        <v>837</v>
      </c>
      <c r="E62" s="565"/>
      <c r="F62" s="565"/>
      <c r="G62" s="565"/>
      <c r="H62" s="565"/>
      <c r="I62" s="565"/>
      <c r="J62" s="565"/>
      <c r="K62" s="565"/>
      <c r="L62" s="565"/>
      <c r="M62" s="565"/>
      <c r="N62" s="565"/>
      <c r="O62" s="565"/>
      <c r="P62" s="565"/>
      <c r="Q62" s="565"/>
      <c r="R62" s="565"/>
      <c r="S62" s="565"/>
      <c r="T62" s="565"/>
      <c r="U62" s="565"/>
      <c r="V62" s="565"/>
      <c r="W62" s="290"/>
      <c r="X62" s="290"/>
      <c r="Y62" s="519" t="s">
        <v>542</v>
      </c>
      <c r="Z62" s="519"/>
      <c r="AA62" s="294"/>
      <c r="AB62" s="290"/>
      <c r="AC62" s="290"/>
      <c r="AD62" s="290"/>
      <c r="AE62" s="290"/>
      <c r="AF62" s="290"/>
      <c r="AG62" s="290"/>
      <c r="AH62" s="290"/>
      <c r="AI62" s="290"/>
      <c r="AJ62" s="290"/>
      <c r="AK62" s="290"/>
    </row>
    <row r="63" spans="1:37" ht="19.5" customHeight="1" x14ac:dyDescent="0.15">
      <c r="A63" s="2"/>
      <c r="B63" s="291"/>
      <c r="C63" s="2"/>
      <c r="D63" s="565" t="s">
        <v>105</v>
      </c>
      <c r="E63" s="565"/>
      <c r="F63" s="565"/>
      <c r="G63" s="565"/>
      <c r="H63" s="565"/>
      <c r="I63" s="565"/>
      <c r="J63" s="565"/>
      <c r="K63" s="565"/>
      <c r="L63" s="565"/>
      <c r="M63" s="565"/>
      <c r="N63" s="565"/>
      <c r="O63" s="565"/>
      <c r="P63" s="565"/>
      <c r="Q63" s="565"/>
      <c r="R63" s="565"/>
      <c r="S63" s="565"/>
      <c r="T63" s="565"/>
      <c r="U63" s="565"/>
      <c r="V63" s="565"/>
      <c r="W63" s="2"/>
      <c r="X63" s="2"/>
      <c r="Y63" s="519" t="s">
        <v>542</v>
      </c>
      <c r="Z63" s="519"/>
      <c r="AA63" s="88"/>
      <c r="AB63" s="2"/>
      <c r="AC63" s="2"/>
      <c r="AD63" s="2"/>
      <c r="AE63" s="2"/>
      <c r="AF63" s="2"/>
      <c r="AG63" s="2"/>
      <c r="AH63" s="2"/>
      <c r="AI63" s="2"/>
      <c r="AJ63" s="2"/>
      <c r="AK63" s="2"/>
    </row>
    <row r="64" spans="1:37" ht="19.5" customHeight="1" x14ac:dyDescent="0.15">
      <c r="A64" s="2"/>
      <c r="B64" s="291"/>
      <c r="C64" s="2"/>
      <c r="D64" s="565" t="s">
        <v>525</v>
      </c>
      <c r="E64" s="565"/>
      <c r="F64" s="565"/>
      <c r="G64" s="565"/>
      <c r="H64" s="565"/>
      <c r="I64" s="565"/>
      <c r="J64" s="565"/>
      <c r="K64" s="565"/>
      <c r="L64" s="565"/>
      <c r="M64" s="565"/>
      <c r="N64" s="565"/>
      <c r="O64" s="565"/>
      <c r="P64" s="565"/>
      <c r="Q64" s="565"/>
      <c r="R64" s="565"/>
      <c r="S64" s="565"/>
      <c r="T64" s="565"/>
      <c r="U64" s="565"/>
      <c r="V64" s="565"/>
      <c r="W64" s="2"/>
      <c r="X64" s="2"/>
      <c r="Y64" s="519" t="s">
        <v>542</v>
      </c>
      <c r="Z64" s="519"/>
      <c r="AA64" s="88"/>
      <c r="AB64" s="2"/>
      <c r="AC64" s="2"/>
      <c r="AD64" s="2"/>
      <c r="AE64" s="2"/>
      <c r="AF64" s="2"/>
      <c r="AG64" s="2"/>
      <c r="AH64" s="2"/>
      <c r="AI64" s="2"/>
      <c r="AJ64" s="2"/>
      <c r="AK64" s="2"/>
    </row>
    <row r="65" spans="1:37" ht="19.5" customHeight="1" x14ac:dyDescent="0.15">
      <c r="A65" s="2"/>
      <c r="B65" s="291"/>
      <c r="C65" s="2"/>
      <c r="D65" s="565" t="s">
        <v>1043</v>
      </c>
      <c r="E65" s="565"/>
      <c r="F65" s="565"/>
      <c r="G65" s="565"/>
      <c r="H65" s="565"/>
      <c r="I65" s="565"/>
      <c r="J65" s="565"/>
      <c r="K65" s="565"/>
      <c r="L65" s="565"/>
      <c r="M65" s="565"/>
      <c r="N65" s="565"/>
      <c r="O65" s="565"/>
      <c r="P65" s="565"/>
      <c r="Q65" s="565"/>
      <c r="R65" s="565"/>
      <c r="S65" s="565"/>
      <c r="T65" s="565"/>
      <c r="U65" s="565"/>
      <c r="V65" s="565"/>
      <c r="W65" s="2"/>
      <c r="X65" s="2"/>
      <c r="Y65" s="519" t="s">
        <v>542</v>
      </c>
      <c r="Z65" s="519"/>
      <c r="AA65" s="88"/>
      <c r="AB65" s="2"/>
      <c r="AC65" s="2"/>
      <c r="AD65" s="2"/>
      <c r="AE65" s="2"/>
      <c r="AF65" s="2"/>
      <c r="AG65" s="2"/>
      <c r="AH65" s="2"/>
      <c r="AI65" s="2"/>
      <c r="AJ65" s="2"/>
      <c r="AK65" s="2"/>
    </row>
    <row r="66" spans="1:37" s="2" customFormat="1" x14ac:dyDescent="0.15">
      <c r="B66" s="291"/>
      <c r="D66" s="565" t="s">
        <v>1044</v>
      </c>
      <c r="E66" s="565"/>
      <c r="F66" s="565"/>
      <c r="G66" s="565"/>
      <c r="H66" s="565"/>
      <c r="I66" s="565"/>
      <c r="J66" s="565"/>
      <c r="K66" s="565"/>
      <c r="L66" s="565"/>
      <c r="M66" s="565"/>
      <c r="N66" s="565"/>
      <c r="O66" s="565"/>
      <c r="P66" s="565"/>
      <c r="Q66" s="565"/>
      <c r="R66" s="565"/>
      <c r="S66" s="565"/>
      <c r="T66" s="565"/>
      <c r="U66" s="565"/>
      <c r="V66" s="565"/>
      <c r="Y66" s="148"/>
      <c r="Z66" s="148"/>
      <c r="AA66" s="88"/>
    </row>
    <row r="67" spans="1:37" s="2" customFormat="1" x14ac:dyDescent="0.15">
      <c r="A67" s="3"/>
      <c r="B67" s="278"/>
      <c r="C67" s="59"/>
      <c r="D67" s="59"/>
      <c r="E67" s="59"/>
      <c r="F67" s="59"/>
      <c r="G67" s="59"/>
      <c r="H67" s="59"/>
      <c r="I67" s="59"/>
      <c r="J67" s="59"/>
      <c r="K67" s="59"/>
      <c r="L67" s="59"/>
      <c r="M67" s="59"/>
      <c r="N67" s="59"/>
      <c r="O67" s="59"/>
      <c r="P67" s="59"/>
      <c r="Q67" s="59"/>
      <c r="R67" s="59"/>
      <c r="S67" s="59"/>
      <c r="T67" s="59"/>
      <c r="U67" s="59"/>
      <c r="V67" s="59"/>
      <c r="W67" s="59"/>
      <c r="X67" s="59"/>
      <c r="Y67" s="59"/>
      <c r="Z67" s="59"/>
      <c r="AA67" s="60"/>
      <c r="AB67" s="3"/>
      <c r="AC67" s="3"/>
      <c r="AD67" s="3"/>
      <c r="AE67" s="3"/>
      <c r="AF67" s="3"/>
      <c r="AG67" s="3"/>
      <c r="AH67" s="3"/>
      <c r="AI67" s="3"/>
      <c r="AJ67" s="3"/>
      <c r="AK67" s="3"/>
    </row>
    <row r="68" spans="1:37" s="2" customFormat="1" x14ac:dyDescent="0.15">
      <c r="A68" s="3"/>
      <c r="B68" s="3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c r="AG68" s="3"/>
      <c r="AH68" s="3"/>
      <c r="AI68" s="3"/>
      <c r="AJ68" s="3"/>
      <c r="AK68" s="3"/>
    </row>
    <row r="69" spans="1:37" ht="36.950000000000003" customHeight="1" x14ac:dyDescent="0.15">
      <c r="B69" s="569" t="s">
        <v>838</v>
      </c>
      <c r="C69" s="569"/>
      <c r="D69" s="569"/>
      <c r="E69" s="569"/>
      <c r="F69" s="569"/>
      <c r="G69" s="569"/>
      <c r="H69" s="569"/>
      <c r="I69" s="569"/>
      <c r="J69" s="569"/>
      <c r="K69" s="569"/>
      <c r="L69" s="569"/>
      <c r="M69" s="569"/>
      <c r="N69" s="569"/>
      <c r="O69" s="569"/>
      <c r="P69" s="569"/>
      <c r="Q69" s="569"/>
      <c r="R69" s="569"/>
      <c r="S69" s="569"/>
      <c r="T69" s="569"/>
      <c r="U69" s="569"/>
      <c r="V69" s="569"/>
      <c r="W69" s="569"/>
      <c r="X69" s="569"/>
      <c r="Y69" s="569"/>
      <c r="Z69" s="569"/>
      <c r="AA69" s="569"/>
    </row>
    <row r="70" spans="1:37" x14ac:dyDescent="0.15">
      <c r="A70" s="2"/>
      <c r="B70" s="569" t="s">
        <v>839</v>
      </c>
      <c r="C70" s="569"/>
      <c r="D70" s="569"/>
      <c r="E70" s="569"/>
      <c r="F70" s="569"/>
      <c r="G70" s="569"/>
      <c r="H70" s="569"/>
      <c r="I70" s="569"/>
      <c r="J70" s="569"/>
      <c r="K70" s="569"/>
      <c r="L70" s="569"/>
      <c r="M70" s="569"/>
      <c r="N70" s="569"/>
      <c r="O70" s="569"/>
      <c r="P70" s="569"/>
      <c r="Q70" s="569"/>
      <c r="R70" s="569"/>
      <c r="S70" s="569"/>
      <c r="T70" s="569"/>
      <c r="U70" s="569"/>
      <c r="V70" s="569"/>
      <c r="W70" s="569"/>
      <c r="X70" s="569"/>
      <c r="Y70" s="569"/>
      <c r="Z70" s="569"/>
      <c r="AA70" s="569"/>
      <c r="AB70" s="2"/>
      <c r="AC70" s="2"/>
      <c r="AD70" s="2"/>
      <c r="AE70" s="2"/>
      <c r="AF70" s="2"/>
      <c r="AG70" s="2"/>
      <c r="AH70" s="2"/>
      <c r="AI70" s="2"/>
      <c r="AJ70" s="2"/>
      <c r="AK70" s="2"/>
    </row>
    <row r="71" spans="1:37" ht="13.5" customHeight="1" x14ac:dyDescent="0.15">
      <c r="A71" s="2"/>
      <c r="B71" s="569" t="s">
        <v>840</v>
      </c>
      <c r="C71" s="569"/>
      <c r="D71" s="569"/>
      <c r="E71" s="569"/>
      <c r="F71" s="569"/>
      <c r="G71" s="569"/>
      <c r="H71" s="569"/>
      <c r="I71" s="569"/>
      <c r="J71" s="569"/>
      <c r="K71" s="569"/>
      <c r="L71" s="569"/>
      <c r="M71" s="569"/>
      <c r="N71" s="569"/>
      <c r="O71" s="569"/>
      <c r="P71" s="569"/>
      <c r="Q71" s="569"/>
      <c r="R71" s="569"/>
      <c r="S71" s="569"/>
      <c r="T71" s="569"/>
      <c r="U71" s="569"/>
      <c r="V71" s="569"/>
      <c r="W71" s="569"/>
      <c r="X71" s="569"/>
      <c r="Y71" s="569"/>
      <c r="Z71" s="569"/>
      <c r="AA71" s="569"/>
      <c r="AB71" s="2"/>
      <c r="AC71" s="2"/>
      <c r="AD71" s="2"/>
      <c r="AE71" s="2"/>
      <c r="AF71" s="2"/>
      <c r="AG71" s="2"/>
      <c r="AH71" s="2"/>
      <c r="AI71" s="2"/>
      <c r="AJ71" s="2"/>
      <c r="AK71" s="2"/>
    </row>
    <row r="72" spans="1:37" x14ac:dyDescent="0.15">
      <c r="A72" s="2"/>
      <c r="B72" s="569" t="s">
        <v>1045</v>
      </c>
      <c r="C72" s="569"/>
      <c r="D72" s="569"/>
      <c r="E72" s="569"/>
      <c r="F72" s="569"/>
      <c r="G72" s="569"/>
      <c r="H72" s="569"/>
      <c r="I72" s="569"/>
      <c r="J72" s="569"/>
      <c r="K72" s="569"/>
      <c r="L72" s="569"/>
      <c r="M72" s="569"/>
      <c r="N72" s="569"/>
      <c r="O72" s="569"/>
      <c r="P72" s="569"/>
      <c r="Q72" s="569"/>
      <c r="R72" s="569"/>
      <c r="S72" s="569"/>
      <c r="T72" s="569"/>
      <c r="U72" s="569"/>
      <c r="V72" s="569"/>
      <c r="W72" s="569"/>
      <c r="X72" s="569"/>
      <c r="Y72" s="569"/>
      <c r="Z72" s="569"/>
      <c r="AA72" s="569"/>
      <c r="AB72" s="2"/>
      <c r="AC72" s="2"/>
      <c r="AD72" s="2"/>
      <c r="AE72" s="2"/>
      <c r="AF72" s="2"/>
      <c r="AG72" s="2"/>
      <c r="AH72" s="2"/>
      <c r="AI72" s="2"/>
      <c r="AJ72" s="2"/>
      <c r="AK72" s="2"/>
    </row>
    <row r="73" spans="1:37" x14ac:dyDescent="0.15">
      <c r="B73" s="569" t="s">
        <v>1046</v>
      </c>
      <c r="C73" s="569"/>
      <c r="D73" s="569"/>
      <c r="E73" s="569"/>
      <c r="F73" s="569"/>
      <c r="G73" s="569"/>
      <c r="H73" s="569"/>
      <c r="I73" s="569"/>
      <c r="J73" s="569"/>
      <c r="K73" s="569"/>
      <c r="L73" s="569"/>
      <c r="M73" s="569"/>
      <c r="N73" s="569"/>
      <c r="O73" s="569"/>
      <c r="P73" s="569"/>
      <c r="Q73" s="569"/>
      <c r="R73" s="569"/>
      <c r="S73" s="569"/>
      <c r="T73" s="569"/>
      <c r="U73" s="569"/>
      <c r="V73" s="569"/>
      <c r="W73" s="569"/>
      <c r="X73" s="569"/>
      <c r="Y73" s="569"/>
      <c r="Z73" s="569"/>
      <c r="AA73" s="569"/>
      <c r="AB73" s="248"/>
    </row>
    <row r="74" spans="1:37" x14ac:dyDescent="0.15">
      <c r="B74" s="569" t="s">
        <v>1047</v>
      </c>
      <c r="C74" s="569"/>
      <c r="D74" s="569"/>
      <c r="E74" s="569"/>
      <c r="F74" s="569"/>
      <c r="G74" s="569"/>
      <c r="H74" s="569"/>
      <c r="I74" s="569"/>
      <c r="J74" s="569"/>
      <c r="K74" s="569"/>
      <c r="L74" s="569"/>
      <c r="M74" s="569"/>
      <c r="N74" s="569"/>
      <c r="O74" s="569"/>
      <c r="P74" s="569"/>
      <c r="Q74" s="569"/>
      <c r="R74" s="569"/>
      <c r="S74" s="569"/>
      <c r="T74" s="569"/>
      <c r="U74" s="569"/>
      <c r="V74" s="569"/>
      <c r="W74" s="569"/>
      <c r="X74" s="569"/>
      <c r="Y74" s="569"/>
      <c r="Z74" s="569"/>
      <c r="AA74" s="339"/>
      <c r="AB74" s="248"/>
    </row>
    <row r="75" spans="1:37" x14ac:dyDescent="0.15">
      <c r="B75" s="234"/>
      <c r="D75" s="235"/>
    </row>
    <row r="76" spans="1:37" x14ac:dyDescent="0.15">
      <c r="B76" s="234"/>
      <c r="D76" s="235"/>
    </row>
    <row r="77" spans="1:37" x14ac:dyDescent="0.15">
      <c r="B77" s="234"/>
      <c r="D77" s="235"/>
    </row>
    <row r="78" spans="1:37" x14ac:dyDescent="0.15">
      <c r="B78" s="234"/>
      <c r="D78" s="235"/>
    </row>
  </sheetData>
  <mergeCells count="82">
    <mergeCell ref="B72:AA72"/>
    <mergeCell ref="B73:AA73"/>
    <mergeCell ref="B74:Z74"/>
    <mergeCell ref="D65:V65"/>
    <mergeCell ref="Y65:Z65"/>
    <mergeCell ref="D66:V66"/>
    <mergeCell ref="B69:AA69"/>
    <mergeCell ref="B70:AA70"/>
    <mergeCell ref="B71:AA71"/>
    <mergeCell ref="D64:V64"/>
    <mergeCell ref="Y64:Z64"/>
    <mergeCell ref="D53:J53"/>
    <mergeCell ref="C56:H56"/>
    <mergeCell ref="I56:Z56"/>
    <mergeCell ref="C57:H57"/>
    <mergeCell ref="I57:Z57"/>
    <mergeCell ref="C58:H58"/>
    <mergeCell ref="I58:Z58"/>
    <mergeCell ref="C60:AA60"/>
    <mergeCell ref="D62:V62"/>
    <mergeCell ref="Y62:Z62"/>
    <mergeCell ref="D63:V63"/>
    <mergeCell ref="Y63:Z63"/>
    <mergeCell ref="Y52:Z52"/>
    <mergeCell ref="D40:V40"/>
    <mergeCell ref="Y40:Z40"/>
    <mergeCell ref="D41:V41"/>
    <mergeCell ref="Y41:Z41"/>
    <mergeCell ref="D42:V42"/>
    <mergeCell ref="Y48:Z48"/>
    <mergeCell ref="D49:Q49"/>
    <mergeCell ref="R49:V49"/>
    <mergeCell ref="D50:Q50"/>
    <mergeCell ref="R50:V50"/>
    <mergeCell ref="Y51:Z51"/>
    <mergeCell ref="C35:Z35"/>
    <mergeCell ref="C36:Z36"/>
    <mergeCell ref="D38:V38"/>
    <mergeCell ref="Y38:Z38"/>
    <mergeCell ref="D39:V39"/>
    <mergeCell ref="Y39:Z39"/>
    <mergeCell ref="C34:Z34"/>
    <mergeCell ref="Y22:Z22"/>
    <mergeCell ref="Y23:Z23"/>
    <mergeCell ref="Y24:Z24"/>
    <mergeCell ref="D25:J25"/>
    <mergeCell ref="C28:H28"/>
    <mergeCell ref="I28:Z28"/>
    <mergeCell ref="C29:H29"/>
    <mergeCell ref="I29:Z29"/>
    <mergeCell ref="C30:H30"/>
    <mergeCell ref="I30:Z30"/>
    <mergeCell ref="Y32:Z32"/>
    <mergeCell ref="B15:F15"/>
    <mergeCell ref="G15:AA15"/>
    <mergeCell ref="B9:F14"/>
    <mergeCell ref="G9:M9"/>
    <mergeCell ref="N9:T9"/>
    <mergeCell ref="U9:AA9"/>
    <mergeCell ref="G10:M10"/>
    <mergeCell ref="N10:T10"/>
    <mergeCell ref="U10:AA10"/>
    <mergeCell ref="G11:M11"/>
    <mergeCell ref="N11:T11"/>
    <mergeCell ref="U11:AA11"/>
    <mergeCell ref="Y19:Z19"/>
    <mergeCell ref="G12:M12"/>
    <mergeCell ref="N12:T12"/>
    <mergeCell ref="U12:AA12"/>
    <mergeCell ref="G13:M13"/>
    <mergeCell ref="N13:T13"/>
    <mergeCell ref="U13:AA13"/>
    <mergeCell ref="G14:M14"/>
    <mergeCell ref="N14:T14"/>
    <mergeCell ref="U14:AA14"/>
    <mergeCell ref="B8:F8"/>
    <mergeCell ref="G8:AA8"/>
    <mergeCell ref="B4:AA4"/>
    <mergeCell ref="B6:F6"/>
    <mergeCell ref="G6:AA6"/>
    <mergeCell ref="B7:F7"/>
    <mergeCell ref="G7:AA7"/>
  </mergeCells>
  <phoneticPr fontId="1"/>
  <pageMargins left="0.7" right="0.7" top="0.75" bottom="0.75" header="0.3" footer="0.3"/>
  <pageSetup paperSize="9" scale="61"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Z119"/>
  <sheetViews>
    <sheetView view="pageBreakPreview" zoomScale="60" zoomScaleNormal="100" workbookViewId="0">
      <selection activeCell="F61" sqref="F61"/>
    </sheetView>
  </sheetViews>
  <sheetFormatPr defaultColWidth="3.5" defaultRowHeight="13.5" x14ac:dyDescent="0.15"/>
  <cols>
    <col min="1" max="1" width="3.5" style="3"/>
    <col min="2" max="2" width="3" style="302" customWidth="1"/>
    <col min="3" max="7" width="3.5" style="3"/>
    <col min="8" max="8" width="2.5" style="3" customWidth="1"/>
    <col min="9" max="17" width="3.5" style="3"/>
    <col min="18" max="18" width="4.25" style="3" customWidth="1"/>
    <col min="19" max="19" width="5.375" style="3" customWidth="1"/>
    <col min="20" max="16384" width="3.5" style="3"/>
  </cols>
  <sheetData>
    <row r="1" spans="2:26" s="290" customFormat="1" x14ac:dyDescent="0.15"/>
    <row r="2" spans="2:26" s="290" customFormat="1" x14ac:dyDescent="0.15">
      <c r="B2" s="290" t="s">
        <v>769</v>
      </c>
    </row>
    <row r="3" spans="2:26" s="290" customFormat="1" x14ac:dyDescent="0.15"/>
    <row r="4" spans="2:26" s="290" customFormat="1" x14ac:dyDescent="0.15">
      <c r="B4" s="392" t="s">
        <v>246</v>
      </c>
      <c r="C4" s="392"/>
      <c r="D4" s="392"/>
      <c r="E4" s="392"/>
      <c r="F4" s="392"/>
      <c r="G4" s="392"/>
      <c r="H4" s="392"/>
      <c r="I4" s="392"/>
      <c r="J4" s="392"/>
      <c r="K4" s="392"/>
      <c r="L4" s="392"/>
      <c r="M4" s="392"/>
      <c r="N4" s="392"/>
      <c r="O4" s="392"/>
      <c r="P4" s="392"/>
      <c r="Q4" s="392"/>
      <c r="R4" s="392"/>
      <c r="S4" s="392"/>
      <c r="T4" s="392"/>
      <c r="U4" s="392"/>
      <c r="V4" s="392"/>
      <c r="W4" s="392"/>
      <c r="X4" s="392"/>
      <c r="Y4" s="392"/>
      <c r="Z4" s="392"/>
    </row>
    <row r="5" spans="2:26" s="290" customFormat="1" x14ac:dyDescent="0.15"/>
    <row r="6" spans="2:26" s="290" customFormat="1" ht="31.5" customHeight="1" x14ac:dyDescent="0.15">
      <c r="B6" s="393" t="s">
        <v>85</v>
      </c>
      <c r="C6" s="393"/>
      <c r="D6" s="393"/>
      <c r="E6" s="393"/>
      <c r="F6" s="393"/>
      <c r="G6" s="394"/>
      <c r="H6" s="395"/>
      <c r="I6" s="395"/>
      <c r="J6" s="395"/>
      <c r="K6" s="395"/>
      <c r="L6" s="395"/>
      <c r="M6" s="395"/>
      <c r="N6" s="395"/>
      <c r="O6" s="395"/>
      <c r="P6" s="395"/>
      <c r="Q6" s="395"/>
      <c r="R6" s="395"/>
      <c r="S6" s="395"/>
      <c r="T6" s="395"/>
      <c r="U6" s="395"/>
      <c r="V6" s="395"/>
      <c r="W6" s="395"/>
      <c r="X6" s="395"/>
      <c r="Y6" s="395"/>
      <c r="Z6" s="396"/>
    </row>
    <row r="7" spans="2:26" s="290" customFormat="1" ht="31.5" customHeight="1" x14ac:dyDescent="0.15">
      <c r="B7" s="398" t="s">
        <v>86</v>
      </c>
      <c r="C7" s="399"/>
      <c r="D7" s="399"/>
      <c r="E7" s="399"/>
      <c r="F7" s="400"/>
      <c r="G7" s="107" t="s">
        <v>0</v>
      </c>
      <c r="H7" s="315" t="s">
        <v>87</v>
      </c>
      <c r="I7" s="315"/>
      <c r="J7" s="315"/>
      <c r="K7" s="315"/>
      <c r="L7" s="109" t="s">
        <v>0</v>
      </c>
      <c r="M7" s="315" t="s">
        <v>88</v>
      </c>
      <c r="N7" s="315"/>
      <c r="O7" s="315"/>
      <c r="P7" s="315"/>
      <c r="Q7" s="109" t="s">
        <v>0</v>
      </c>
      <c r="R7" s="315" t="s">
        <v>89</v>
      </c>
      <c r="S7" s="315"/>
      <c r="T7" s="315"/>
      <c r="U7" s="315"/>
      <c r="V7" s="315"/>
      <c r="W7" s="315"/>
      <c r="X7" s="315"/>
      <c r="Y7" s="315"/>
      <c r="Z7" s="321"/>
    </row>
    <row r="8" spans="2:26" ht="31.5" customHeight="1" x14ac:dyDescent="0.15">
      <c r="B8" s="398" t="s">
        <v>90</v>
      </c>
      <c r="C8" s="399"/>
      <c r="D8" s="399"/>
      <c r="E8" s="399"/>
      <c r="F8" s="400"/>
      <c r="G8" s="107" t="s">
        <v>0</v>
      </c>
      <c r="H8" s="286" t="s">
        <v>91</v>
      </c>
      <c r="I8" s="286"/>
      <c r="J8" s="286"/>
      <c r="K8" s="286"/>
      <c r="L8" s="286"/>
      <c r="M8" s="286"/>
      <c r="N8" s="286"/>
      <c r="O8" s="286"/>
      <c r="P8" s="108" t="s">
        <v>0</v>
      </c>
      <c r="Q8" s="286" t="s">
        <v>235</v>
      </c>
      <c r="R8" s="286"/>
      <c r="S8" s="121"/>
      <c r="T8" s="121"/>
      <c r="U8" s="121"/>
      <c r="V8" s="121"/>
      <c r="W8" s="121"/>
      <c r="X8" s="121"/>
      <c r="Y8" s="121"/>
      <c r="Z8" s="122"/>
    </row>
    <row r="9" spans="2:26" s="290" customFormat="1" x14ac:dyDescent="0.15"/>
    <row r="10" spans="2:26" s="290" customFormat="1" x14ac:dyDescent="0.15">
      <c r="B10" s="296"/>
      <c r="C10" s="297"/>
      <c r="D10" s="297"/>
      <c r="E10" s="297"/>
      <c r="F10" s="297"/>
      <c r="G10" s="297"/>
      <c r="H10" s="297"/>
      <c r="I10" s="297"/>
      <c r="J10" s="297"/>
      <c r="K10" s="297"/>
      <c r="L10" s="297"/>
      <c r="M10" s="297"/>
      <c r="N10" s="297"/>
      <c r="O10" s="297"/>
      <c r="P10" s="297"/>
      <c r="Q10" s="297"/>
      <c r="R10" s="297"/>
      <c r="S10" s="297"/>
      <c r="T10" s="297"/>
      <c r="U10" s="297"/>
      <c r="V10" s="297"/>
      <c r="W10" s="297"/>
      <c r="X10" s="297"/>
      <c r="Y10" s="297"/>
      <c r="Z10" s="298"/>
    </row>
    <row r="11" spans="2:26" s="290" customFormat="1" x14ac:dyDescent="0.15">
      <c r="B11" s="295" t="s">
        <v>247</v>
      </c>
      <c r="Z11" s="294"/>
    </row>
    <row r="12" spans="2:26" s="290" customFormat="1" x14ac:dyDescent="0.15">
      <c r="B12" s="295"/>
      <c r="Z12" s="294"/>
    </row>
    <row r="13" spans="2:26" s="290" customFormat="1" x14ac:dyDescent="0.15">
      <c r="B13" s="295"/>
      <c r="C13" s="290" t="s">
        <v>227</v>
      </c>
      <c r="Z13" s="294"/>
    </row>
    <row r="14" spans="2:26" s="290" customFormat="1" ht="6.75" customHeight="1" x14ac:dyDescent="0.15">
      <c r="B14" s="295"/>
      <c r="Z14" s="294"/>
    </row>
    <row r="15" spans="2:26" s="290" customFormat="1" ht="26.25" customHeight="1" x14ac:dyDescent="0.15">
      <c r="B15" s="295"/>
      <c r="C15" s="277" t="s">
        <v>245</v>
      </c>
      <c r="D15" s="286"/>
      <c r="E15" s="286"/>
      <c r="F15" s="286"/>
      <c r="G15" s="287"/>
      <c r="H15" s="277" t="s">
        <v>228</v>
      </c>
      <c r="I15" s="286"/>
      <c r="J15" s="286"/>
      <c r="K15" s="399"/>
      <c r="L15" s="399"/>
      <c r="M15" s="399"/>
      <c r="N15" s="251" t="s">
        <v>131</v>
      </c>
      <c r="O15" s="295"/>
      <c r="U15" s="272"/>
      <c r="Z15" s="294"/>
    </row>
    <row r="16" spans="2:26" s="290" customFormat="1" x14ac:dyDescent="0.15">
      <c r="B16" s="295"/>
      <c r="L16" s="272"/>
      <c r="Q16" s="272"/>
      <c r="V16" s="272"/>
      <c r="Z16" s="294"/>
    </row>
    <row r="17" spans="2:26" s="290" customFormat="1" x14ac:dyDescent="0.15">
      <c r="B17" s="295"/>
      <c r="C17" s="290" t="s">
        <v>232</v>
      </c>
      <c r="Z17" s="294"/>
    </row>
    <row r="18" spans="2:26" s="290" customFormat="1" ht="4.5" customHeight="1" x14ac:dyDescent="0.15">
      <c r="B18" s="295"/>
      <c r="Z18" s="294"/>
    </row>
    <row r="19" spans="2:26" s="290" customFormat="1" ht="24" customHeight="1" x14ac:dyDescent="0.15">
      <c r="B19" s="295"/>
      <c r="C19" s="398" t="s">
        <v>233</v>
      </c>
      <c r="D19" s="399"/>
      <c r="E19" s="399"/>
      <c r="F19" s="399"/>
      <c r="G19" s="399"/>
      <c r="H19" s="399"/>
      <c r="I19" s="399"/>
      <c r="J19" s="399"/>
      <c r="K19" s="399"/>
      <c r="L19" s="399"/>
      <c r="M19" s="399"/>
      <c r="N19" s="399"/>
      <c r="O19" s="400"/>
      <c r="P19" s="398" t="s">
        <v>82</v>
      </c>
      <c r="Q19" s="399"/>
      <c r="R19" s="399"/>
      <c r="S19" s="399"/>
      <c r="T19" s="399"/>
      <c r="U19" s="399"/>
      <c r="V19" s="399"/>
      <c r="W19" s="399"/>
      <c r="X19" s="399"/>
      <c r="Y19" s="400"/>
      <c r="Z19" s="292"/>
    </row>
    <row r="20" spans="2:26" s="290" customFormat="1" ht="21" customHeight="1" x14ac:dyDescent="0.15">
      <c r="B20" s="295"/>
      <c r="C20" s="394"/>
      <c r="D20" s="395"/>
      <c r="E20" s="395"/>
      <c r="F20" s="395"/>
      <c r="G20" s="395"/>
      <c r="H20" s="395"/>
      <c r="I20" s="395"/>
      <c r="J20" s="395"/>
      <c r="K20" s="395"/>
      <c r="L20" s="395"/>
      <c r="M20" s="395"/>
      <c r="N20" s="395"/>
      <c r="O20" s="396"/>
      <c r="P20" s="394"/>
      <c r="Q20" s="395"/>
      <c r="R20" s="395"/>
      <c r="S20" s="395"/>
      <c r="T20" s="395"/>
      <c r="U20" s="395"/>
      <c r="V20" s="395"/>
      <c r="W20" s="395"/>
      <c r="X20" s="395"/>
      <c r="Y20" s="396"/>
      <c r="Z20" s="294"/>
    </row>
    <row r="21" spans="2:26" s="290" customFormat="1" ht="21" customHeight="1" x14ac:dyDescent="0.15">
      <c r="B21" s="295"/>
      <c r="C21" s="394"/>
      <c r="D21" s="395"/>
      <c r="E21" s="395"/>
      <c r="F21" s="395"/>
      <c r="G21" s="395"/>
      <c r="H21" s="395"/>
      <c r="I21" s="395"/>
      <c r="J21" s="395"/>
      <c r="K21" s="395"/>
      <c r="L21" s="395"/>
      <c r="M21" s="395"/>
      <c r="N21" s="395"/>
      <c r="O21" s="396"/>
      <c r="P21" s="394"/>
      <c r="Q21" s="395"/>
      <c r="R21" s="395"/>
      <c r="S21" s="395"/>
      <c r="T21" s="395"/>
      <c r="U21" s="395"/>
      <c r="V21" s="395"/>
      <c r="W21" s="395"/>
      <c r="X21" s="395"/>
      <c r="Y21" s="396"/>
      <c r="Z21" s="294"/>
    </row>
    <row r="22" spans="2:26" s="290" customFormat="1" ht="21" customHeight="1" x14ac:dyDescent="0.15">
      <c r="B22" s="295"/>
      <c r="C22" s="394"/>
      <c r="D22" s="395"/>
      <c r="E22" s="395"/>
      <c r="F22" s="395"/>
      <c r="G22" s="395"/>
      <c r="H22" s="395"/>
      <c r="I22" s="395"/>
      <c r="J22" s="395"/>
      <c r="K22" s="395"/>
      <c r="L22" s="395"/>
      <c r="M22" s="395"/>
      <c r="N22" s="395"/>
      <c r="O22" s="396"/>
      <c r="P22" s="394"/>
      <c r="Q22" s="395"/>
      <c r="R22" s="395"/>
      <c r="S22" s="395"/>
      <c r="T22" s="395"/>
      <c r="U22" s="395"/>
      <c r="V22" s="395"/>
      <c r="W22" s="395"/>
      <c r="X22" s="395"/>
      <c r="Y22" s="396"/>
      <c r="Z22" s="294"/>
    </row>
    <row r="23" spans="2:26" s="290" customFormat="1" ht="21" customHeight="1" x14ac:dyDescent="0.15">
      <c r="B23" s="295"/>
      <c r="C23" s="394"/>
      <c r="D23" s="395"/>
      <c r="E23" s="395"/>
      <c r="F23" s="395"/>
      <c r="G23" s="395"/>
      <c r="H23" s="395"/>
      <c r="I23" s="395"/>
      <c r="J23" s="395"/>
      <c r="K23" s="395"/>
      <c r="L23" s="395"/>
      <c r="M23" s="395"/>
      <c r="N23" s="395"/>
      <c r="O23" s="396"/>
      <c r="P23" s="394"/>
      <c r="Q23" s="395"/>
      <c r="R23" s="395"/>
      <c r="S23" s="395"/>
      <c r="T23" s="395"/>
      <c r="U23" s="395"/>
      <c r="V23" s="395"/>
      <c r="W23" s="395"/>
      <c r="X23" s="395"/>
      <c r="Y23" s="396"/>
      <c r="Z23" s="294"/>
    </row>
    <row r="24" spans="2:26" s="290" customFormat="1" ht="21" customHeight="1" x14ac:dyDescent="0.15">
      <c r="B24" s="295"/>
      <c r="C24" s="394"/>
      <c r="D24" s="395"/>
      <c r="E24" s="395"/>
      <c r="F24" s="395"/>
      <c r="G24" s="395"/>
      <c r="H24" s="395"/>
      <c r="I24" s="395"/>
      <c r="J24" s="395"/>
      <c r="K24" s="395"/>
      <c r="L24" s="395"/>
      <c r="M24" s="395"/>
      <c r="N24" s="395"/>
      <c r="O24" s="396"/>
      <c r="P24" s="394"/>
      <c r="Q24" s="395"/>
      <c r="R24" s="395"/>
      <c r="S24" s="395"/>
      <c r="T24" s="395"/>
      <c r="U24" s="395"/>
      <c r="V24" s="395"/>
      <c r="W24" s="395"/>
      <c r="X24" s="395"/>
      <c r="Y24" s="396"/>
      <c r="Z24" s="294"/>
    </row>
    <row r="25" spans="2:26" s="290" customFormat="1" ht="21" customHeight="1" x14ac:dyDescent="0.15">
      <c r="B25" s="295"/>
      <c r="C25" s="253"/>
      <c r="D25" s="253"/>
      <c r="E25" s="253"/>
      <c r="F25" s="253"/>
      <c r="G25" s="253"/>
      <c r="H25" s="253"/>
      <c r="I25" s="253"/>
      <c r="J25" s="253"/>
      <c r="K25" s="253"/>
      <c r="L25" s="253"/>
      <c r="M25" s="253"/>
      <c r="N25" s="253"/>
      <c r="O25" s="253"/>
      <c r="P25" s="297"/>
      <c r="Q25" s="297"/>
      <c r="R25" s="297"/>
      <c r="S25" s="297"/>
      <c r="T25" s="297"/>
      <c r="U25" s="297"/>
      <c r="V25" s="297"/>
      <c r="W25" s="297"/>
      <c r="X25" s="297"/>
      <c r="Y25" s="297"/>
      <c r="Z25" s="294"/>
    </row>
    <row r="26" spans="2:26" s="290" customFormat="1" ht="21" customHeight="1" x14ac:dyDescent="0.15">
      <c r="B26" s="295"/>
      <c r="C26" s="256"/>
      <c r="D26" s="256"/>
      <c r="E26" s="256"/>
      <c r="F26" s="256"/>
      <c r="G26" s="256"/>
      <c r="H26" s="256"/>
      <c r="I26" s="256"/>
      <c r="J26" s="256"/>
      <c r="K26" s="256"/>
      <c r="L26" s="256"/>
      <c r="M26" s="256"/>
      <c r="N26" s="256"/>
      <c r="O26" s="256"/>
      <c r="P26" s="259"/>
      <c r="Q26" s="259"/>
      <c r="R26" s="259"/>
      <c r="S26" s="259"/>
      <c r="T26" s="259"/>
      <c r="U26" s="277"/>
      <c r="V26" s="354" t="s">
        <v>94</v>
      </c>
      <c r="W26" s="354" t="s">
        <v>95</v>
      </c>
      <c r="X26" s="354" t="s">
        <v>96</v>
      </c>
      <c r="Y26" s="287"/>
      <c r="Z26" s="294"/>
    </row>
    <row r="27" spans="2:26" s="290" customFormat="1" ht="38.25" customHeight="1" x14ac:dyDescent="0.15">
      <c r="B27" s="295"/>
      <c r="C27" s="277" t="s">
        <v>248</v>
      </c>
      <c r="D27" s="286"/>
      <c r="E27" s="286"/>
      <c r="F27" s="286"/>
      <c r="G27" s="286"/>
      <c r="H27" s="286"/>
      <c r="I27" s="286"/>
      <c r="J27" s="286"/>
      <c r="K27" s="286"/>
      <c r="L27" s="286"/>
      <c r="M27" s="286"/>
      <c r="N27" s="286"/>
      <c r="O27" s="286"/>
      <c r="P27" s="286"/>
      <c r="Q27" s="286"/>
      <c r="R27" s="286"/>
      <c r="S27" s="286"/>
      <c r="T27" s="321"/>
      <c r="U27" s="314"/>
      <c r="V27" s="250" t="s">
        <v>0</v>
      </c>
      <c r="W27" s="250" t="s">
        <v>95</v>
      </c>
      <c r="X27" s="250" t="s">
        <v>0</v>
      </c>
      <c r="Y27" s="321"/>
      <c r="Z27" s="294"/>
    </row>
    <row r="28" spans="2:26" s="290" customFormat="1" ht="38.25" customHeight="1" x14ac:dyDescent="0.15">
      <c r="B28" s="295"/>
      <c r="C28" s="520" t="s">
        <v>249</v>
      </c>
      <c r="D28" s="521"/>
      <c r="E28" s="521"/>
      <c r="F28" s="521"/>
      <c r="G28" s="521"/>
      <c r="H28" s="521"/>
      <c r="I28" s="521"/>
      <c r="J28" s="521"/>
      <c r="K28" s="521"/>
      <c r="L28" s="521"/>
      <c r="M28" s="521"/>
      <c r="N28" s="521"/>
      <c r="O28" s="521"/>
      <c r="P28" s="521"/>
      <c r="Q28" s="521"/>
      <c r="R28" s="521"/>
      <c r="S28" s="521"/>
      <c r="T28" s="324"/>
      <c r="U28" s="314"/>
      <c r="V28" s="250" t="s">
        <v>0</v>
      </c>
      <c r="W28" s="250" t="s">
        <v>95</v>
      </c>
      <c r="X28" s="250" t="s">
        <v>0</v>
      </c>
      <c r="Y28" s="321"/>
      <c r="Z28" s="294"/>
    </row>
    <row r="29" spans="2:26" s="290" customFormat="1" ht="70.5" customHeight="1" x14ac:dyDescent="0.15">
      <c r="B29" s="295"/>
      <c r="C29" s="520" t="s">
        <v>250</v>
      </c>
      <c r="D29" s="521"/>
      <c r="E29" s="521"/>
      <c r="F29" s="521"/>
      <c r="G29" s="521"/>
      <c r="H29" s="521"/>
      <c r="I29" s="521"/>
      <c r="J29" s="521"/>
      <c r="K29" s="521"/>
      <c r="L29" s="521"/>
      <c r="M29" s="521"/>
      <c r="N29" s="521"/>
      <c r="O29" s="521"/>
      <c r="P29" s="521"/>
      <c r="Q29" s="521"/>
      <c r="R29" s="521"/>
      <c r="S29" s="521"/>
      <c r="T29" s="324"/>
      <c r="U29" s="314"/>
      <c r="V29" s="250" t="s">
        <v>0</v>
      </c>
      <c r="W29" s="250" t="s">
        <v>95</v>
      </c>
      <c r="X29" s="250" t="s">
        <v>0</v>
      </c>
      <c r="Y29" s="321"/>
      <c r="Z29" s="294"/>
    </row>
    <row r="30" spans="2:26" s="290" customFormat="1" ht="38.25" customHeight="1" x14ac:dyDescent="0.15">
      <c r="B30" s="295"/>
      <c r="C30" s="277" t="s">
        <v>251</v>
      </c>
      <c r="D30" s="286"/>
      <c r="E30" s="286"/>
      <c r="F30" s="286"/>
      <c r="G30" s="286"/>
      <c r="H30" s="286"/>
      <c r="I30" s="286"/>
      <c r="J30" s="286"/>
      <c r="K30" s="286"/>
      <c r="L30" s="286"/>
      <c r="M30" s="286"/>
      <c r="N30" s="286"/>
      <c r="O30" s="286"/>
      <c r="P30" s="286"/>
      <c r="Q30" s="286"/>
      <c r="R30" s="286"/>
      <c r="S30" s="286"/>
      <c r="T30" s="321"/>
      <c r="U30" s="2"/>
      <c r="V30" s="272" t="s">
        <v>0</v>
      </c>
      <c r="W30" s="272" t="s">
        <v>95</v>
      </c>
      <c r="X30" s="272" t="s">
        <v>0</v>
      </c>
      <c r="Y30" s="88"/>
      <c r="Z30" s="294"/>
    </row>
    <row r="31" spans="2:26" s="290" customFormat="1" ht="38.25" customHeight="1" x14ac:dyDescent="0.15">
      <c r="B31" s="295"/>
      <c r="C31" s="520" t="s">
        <v>252</v>
      </c>
      <c r="D31" s="521"/>
      <c r="E31" s="521"/>
      <c r="F31" s="521"/>
      <c r="G31" s="521"/>
      <c r="H31" s="521"/>
      <c r="I31" s="521"/>
      <c r="J31" s="521"/>
      <c r="K31" s="521"/>
      <c r="L31" s="521"/>
      <c r="M31" s="521"/>
      <c r="N31" s="521"/>
      <c r="O31" s="521"/>
      <c r="P31" s="521"/>
      <c r="Q31" s="521"/>
      <c r="R31" s="521"/>
      <c r="S31" s="521"/>
      <c r="T31" s="321"/>
      <c r="U31" s="314"/>
      <c r="V31" s="250" t="s">
        <v>0</v>
      </c>
      <c r="W31" s="250" t="s">
        <v>95</v>
      </c>
      <c r="X31" s="250" t="s">
        <v>0</v>
      </c>
      <c r="Y31" s="321"/>
      <c r="Z31" s="294"/>
    </row>
    <row r="32" spans="2:26" s="290" customFormat="1" ht="38.25" customHeight="1" x14ac:dyDescent="0.15">
      <c r="B32" s="295"/>
      <c r="C32" s="520" t="s">
        <v>253</v>
      </c>
      <c r="D32" s="521"/>
      <c r="E32" s="521"/>
      <c r="F32" s="521"/>
      <c r="G32" s="521"/>
      <c r="H32" s="521"/>
      <c r="I32" s="521"/>
      <c r="J32" s="521"/>
      <c r="K32" s="521"/>
      <c r="L32" s="521"/>
      <c r="M32" s="521"/>
      <c r="N32" s="521"/>
      <c r="O32" s="521"/>
      <c r="P32" s="521"/>
      <c r="Q32" s="521"/>
      <c r="R32" s="521"/>
      <c r="S32" s="521"/>
      <c r="T32" s="321"/>
      <c r="U32" s="2"/>
      <c r="V32" s="272" t="s">
        <v>0</v>
      </c>
      <c r="W32" s="272" t="s">
        <v>95</v>
      </c>
      <c r="X32" s="272" t="s">
        <v>0</v>
      </c>
      <c r="Y32" s="88"/>
      <c r="Z32" s="294"/>
    </row>
    <row r="33" spans="2:26" s="290" customFormat="1" ht="38.25" customHeight="1" x14ac:dyDescent="0.15">
      <c r="B33" s="295"/>
      <c r="C33" s="520" t="s">
        <v>1053</v>
      </c>
      <c r="D33" s="521"/>
      <c r="E33" s="521"/>
      <c r="F33" s="521"/>
      <c r="G33" s="521"/>
      <c r="H33" s="521"/>
      <c r="I33" s="521"/>
      <c r="J33" s="521"/>
      <c r="K33" s="521"/>
      <c r="L33" s="521"/>
      <c r="M33" s="521"/>
      <c r="N33" s="521"/>
      <c r="O33" s="521"/>
      <c r="P33" s="521"/>
      <c r="Q33" s="521"/>
      <c r="R33" s="521"/>
      <c r="S33" s="521"/>
      <c r="T33" s="321"/>
      <c r="U33" s="314"/>
      <c r="V33" s="250" t="s">
        <v>0</v>
      </c>
      <c r="W33" s="250" t="s">
        <v>95</v>
      </c>
      <c r="X33" s="250" t="s">
        <v>0</v>
      </c>
      <c r="Y33" s="321"/>
      <c r="Z33" s="294"/>
    </row>
    <row r="34" spans="2:26" s="290" customFormat="1" ht="9" customHeight="1" x14ac:dyDescent="0.15">
      <c r="B34" s="299"/>
      <c r="C34" s="259"/>
      <c r="D34" s="259"/>
      <c r="E34" s="259"/>
      <c r="F34" s="259"/>
      <c r="G34" s="259"/>
      <c r="H34" s="259"/>
      <c r="I34" s="259"/>
      <c r="J34" s="259"/>
      <c r="K34" s="259"/>
      <c r="L34" s="259"/>
      <c r="M34" s="259"/>
      <c r="N34" s="259"/>
      <c r="O34" s="259"/>
      <c r="P34" s="259"/>
      <c r="Q34" s="259"/>
      <c r="R34" s="259"/>
      <c r="S34" s="259"/>
      <c r="T34" s="259"/>
      <c r="U34" s="259"/>
      <c r="V34" s="259"/>
      <c r="W34" s="259"/>
      <c r="X34" s="259"/>
      <c r="Y34" s="259"/>
      <c r="Z34" s="300"/>
    </row>
    <row r="35" spans="2:26" s="290" customFormat="1" x14ac:dyDescent="0.15"/>
    <row r="118" spans="3:7" x14ac:dyDescent="0.15">
      <c r="C118" s="59"/>
      <c r="D118" s="59"/>
      <c r="E118" s="59"/>
      <c r="F118" s="59"/>
      <c r="G118" s="59"/>
    </row>
    <row r="119" spans="3:7" x14ac:dyDescent="0.15">
      <c r="C119" s="57"/>
    </row>
  </sheetData>
  <mergeCells count="23">
    <mergeCell ref="C28:S28"/>
    <mergeCell ref="C29:S29"/>
    <mergeCell ref="C31:S31"/>
    <mergeCell ref="C32:S32"/>
    <mergeCell ref="C33:S33"/>
    <mergeCell ref="C22:O22"/>
    <mergeCell ref="P22:Y22"/>
    <mergeCell ref="C23:O23"/>
    <mergeCell ref="P23:Y23"/>
    <mergeCell ref="C24:O24"/>
    <mergeCell ref="P24:Y24"/>
    <mergeCell ref="C19:O19"/>
    <mergeCell ref="P19:Y19"/>
    <mergeCell ref="C20:O20"/>
    <mergeCell ref="P20:Y20"/>
    <mergeCell ref="C21:O21"/>
    <mergeCell ref="P21:Y21"/>
    <mergeCell ref="K15:M15"/>
    <mergeCell ref="B4:Z4"/>
    <mergeCell ref="B6:F6"/>
    <mergeCell ref="G6:Z6"/>
    <mergeCell ref="B7:F7"/>
    <mergeCell ref="B8:F8"/>
  </mergeCells>
  <phoneticPr fontId="1"/>
  <dataValidations count="1">
    <dataValidation type="list" allowBlank="1" showInputMessage="1" showErrorMessage="1" sqref="G7:G8 L7 Q7 P8 V27:V33 X27:X33">
      <formula1>"□,■"</formula1>
    </dataValidation>
  </dataValidations>
  <pageMargins left="0.7" right="0.7" top="0.75" bottom="0.75" header="0.3" footer="0.3"/>
  <pageSetup paperSize="9" scale="92"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K123"/>
  <sheetViews>
    <sheetView zoomScaleNormal="100" zoomScaleSheetLayoutView="85" workbookViewId="0">
      <selection activeCell="F61" sqref="F61"/>
    </sheetView>
  </sheetViews>
  <sheetFormatPr defaultColWidth="3.5" defaultRowHeight="13.5" x14ac:dyDescent="0.15"/>
  <cols>
    <col min="1" max="1" width="1.25" style="3" customWidth="1"/>
    <col min="2" max="2" width="3.125" style="302" customWidth="1"/>
    <col min="3" max="30" width="3.125" style="3" customWidth="1"/>
    <col min="31" max="33" width="3.25" style="3" customWidth="1"/>
    <col min="34" max="34" width="3.125" style="3" customWidth="1"/>
    <col min="35" max="35" width="1.25" style="3" customWidth="1"/>
    <col min="36" max="16384" width="3.5" style="3"/>
  </cols>
  <sheetData>
    <row r="1" spans="2:35" s="290" customFormat="1" x14ac:dyDescent="0.15"/>
    <row r="2" spans="2:35" s="290" customFormat="1" x14ac:dyDescent="0.15">
      <c r="B2" s="290" t="s">
        <v>302</v>
      </c>
    </row>
    <row r="3" spans="2:35" s="290" customFormat="1" x14ac:dyDescent="0.15">
      <c r="Y3" s="283" t="s">
        <v>9</v>
      </c>
      <c r="Z3" s="392"/>
      <c r="AA3" s="392"/>
      <c r="AB3" s="283" t="s">
        <v>10</v>
      </c>
      <c r="AC3" s="392"/>
      <c r="AD3" s="392"/>
      <c r="AE3" s="283" t="s">
        <v>11</v>
      </c>
      <c r="AF3" s="392"/>
      <c r="AG3" s="392"/>
      <c r="AH3" s="283" t="s">
        <v>81</v>
      </c>
    </row>
    <row r="4" spans="2:35" s="290" customFormat="1" x14ac:dyDescent="0.15">
      <c r="AH4" s="283"/>
    </row>
    <row r="5" spans="2:35" s="290" customFormat="1" x14ac:dyDescent="0.15">
      <c r="B5" s="392" t="s">
        <v>1039</v>
      </c>
      <c r="C5" s="392"/>
      <c r="D5" s="392"/>
      <c r="E5" s="392"/>
      <c r="F5" s="392"/>
      <c r="G5" s="392"/>
      <c r="H5" s="392"/>
      <c r="I5" s="392"/>
      <c r="J5" s="392"/>
      <c r="K5" s="392"/>
      <c r="L5" s="392"/>
      <c r="M5" s="392"/>
      <c r="N5" s="392"/>
      <c r="O5" s="392"/>
      <c r="P5" s="392"/>
      <c r="Q5" s="392"/>
      <c r="R5" s="392"/>
      <c r="S5" s="392"/>
      <c r="T5" s="392"/>
      <c r="U5" s="392"/>
      <c r="V5" s="392"/>
      <c r="W5" s="392"/>
      <c r="X5" s="392"/>
      <c r="Y5" s="392"/>
      <c r="Z5" s="392"/>
      <c r="AA5" s="392"/>
      <c r="AB5" s="392"/>
      <c r="AC5" s="392"/>
      <c r="AD5" s="392"/>
      <c r="AE5" s="392"/>
      <c r="AF5" s="392"/>
      <c r="AG5" s="392"/>
      <c r="AH5" s="392"/>
    </row>
    <row r="6" spans="2:35" s="290" customFormat="1" x14ac:dyDescent="0.15"/>
    <row r="7" spans="2:35" s="290" customFormat="1" ht="21" customHeight="1" x14ac:dyDescent="0.15">
      <c r="B7" s="450" t="s">
        <v>361</v>
      </c>
      <c r="C7" s="450"/>
      <c r="D7" s="450"/>
      <c r="E7" s="450"/>
      <c r="F7" s="394"/>
      <c r="G7" s="309"/>
      <c r="H7" s="310"/>
      <c r="I7" s="310"/>
      <c r="J7" s="310"/>
      <c r="K7" s="310"/>
      <c r="L7" s="310"/>
      <c r="M7" s="310"/>
      <c r="N7" s="310"/>
      <c r="O7" s="310"/>
      <c r="P7" s="310"/>
      <c r="Q7" s="310"/>
      <c r="R7" s="310"/>
      <c r="S7" s="310"/>
      <c r="T7" s="310"/>
      <c r="U7" s="310"/>
      <c r="V7" s="310"/>
      <c r="W7" s="310"/>
      <c r="X7" s="310"/>
      <c r="Y7" s="310"/>
      <c r="Z7" s="310"/>
      <c r="AA7" s="310"/>
      <c r="AB7" s="310"/>
      <c r="AC7" s="310"/>
      <c r="AD7" s="310"/>
      <c r="AE7" s="310"/>
      <c r="AF7" s="310"/>
      <c r="AG7" s="310"/>
      <c r="AH7" s="311"/>
    </row>
    <row r="8" spans="2:35" ht="21" customHeight="1" x14ac:dyDescent="0.15">
      <c r="B8" s="394" t="s">
        <v>362</v>
      </c>
      <c r="C8" s="395"/>
      <c r="D8" s="395"/>
      <c r="E8" s="395"/>
      <c r="F8" s="396"/>
      <c r="G8" s="107" t="s">
        <v>0</v>
      </c>
      <c r="H8" s="315" t="s">
        <v>87</v>
      </c>
      <c r="I8" s="315"/>
      <c r="J8" s="315"/>
      <c r="K8" s="315"/>
      <c r="L8" s="108" t="s">
        <v>0</v>
      </c>
      <c r="M8" s="315" t="s">
        <v>88</v>
      </c>
      <c r="N8" s="315"/>
      <c r="O8" s="315"/>
      <c r="P8" s="315"/>
      <c r="Q8" s="108" t="s">
        <v>0</v>
      </c>
      <c r="R8" s="315" t="s">
        <v>89</v>
      </c>
      <c r="S8"/>
      <c r="T8" s="198"/>
      <c r="U8"/>
      <c r="V8" s="313"/>
      <c r="W8" s="313"/>
      <c r="X8" s="313"/>
      <c r="Y8" s="313"/>
      <c r="Z8" s="313"/>
      <c r="AA8" s="313"/>
      <c r="AB8" s="313"/>
      <c r="AC8" s="313"/>
      <c r="AD8" s="313"/>
      <c r="AE8" s="313"/>
      <c r="AF8" s="313"/>
      <c r="AG8" s="313"/>
      <c r="AH8" s="125"/>
    </row>
    <row r="9" spans="2:35" ht="21" customHeight="1" x14ac:dyDescent="0.15">
      <c r="B9" s="423" t="s">
        <v>363</v>
      </c>
      <c r="C9" s="424"/>
      <c r="D9" s="424"/>
      <c r="E9" s="424"/>
      <c r="F9" s="425"/>
      <c r="G9" s="126" t="s">
        <v>0</v>
      </c>
      <c r="H9" s="297" t="s">
        <v>770</v>
      </c>
      <c r="I9" s="323"/>
      <c r="J9" s="323"/>
      <c r="K9" s="323"/>
      <c r="L9" s="323"/>
      <c r="M9" s="323"/>
      <c r="N9" s="323"/>
      <c r="O9" s="323"/>
      <c r="P9" s="323"/>
      <c r="Q9" s="323"/>
      <c r="R9" s="323"/>
      <c r="S9" s="323"/>
      <c r="T9"/>
      <c r="U9" s="116" t="s">
        <v>0</v>
      </c>
      <c r="V9" s="297" t="s">
        <v>427</v>
      </c>
      <c r="W9" s="297"/>
      <c r="X9" s="127"/>
      <c r="Y9" s="127"/>
      <c r="Z9" s="127"/>
      <c r="AA9" s="127"/>
      <c r="AB9" s="127"/>
      <c r="AC9" s="127"/>
      <c r="AD9" s="127"/>
      <c r="AE9" s="127"/>
      <c r="AF9" s="127"/>
      <c r="AG9" s="127"/>
      <c r="AH9" s="128"/>
    </row>
    <row r="10" spans="2:35" ht="21" customHeight="1" x14ac:dyDescent="0.15">
      <c r="B10" s="492"/>
      <c r="C10" s="493"/>
      <c r="D10" s="493"/>
      <c r="E10" s="493"/>
      <c r="F10" s="493"/>
      <c r="G10" s="117" t="s">
        <v>0</v>
      </c>
      <c r="H10" s="290" t="s">
        <v>771</v>
      </c>
      <c r="I10" s="2"/>
      <c r="J10" s="2"/>
      <c r="K10" s="2"/>
      <c r="L10" s="2"/>
      <c r="M10" s="2"/>
      <c r="N10" s="2"/>
      <c r="O10" s="2"/>
      <c r="P10" s="2"/>
      <c r="Q10" s="2"/>
      <c r="R10" s="2"/>
      <c r="S10" s="2"/>
      <c r="T10"/>
      <c r="U10" s="109" t="s">
        <v>0</v>
      </c>
      <c r="V10" s="290" t="s">
        <v>772</v>
      </c>
      <c r="W10" s="290"/>
      <c r="X10" s="141"/>
      <c r="Y10" s="141"/>
      <c r="Z10" s="141"/>
      <c r="AA10" s="141"/>
      <c r="AB10" s="141"/>
      <c r="AC10" s="141"/>
      <c r="AD10" s="141"/>
      <c r="AE10" s="141"/>
      <c r="AF10" s="141"/>
      <c r="AG10" s="141"/>
      <c r="AH10" s="142"/>
    </row>
    <row r="11" spans="2:35" ht="21" customHeight="1" x14ac:dyDescent="0.15">
      <c r="B11" s="492"/>
      <c r="C11" s="493"/>
      <c r="D11" s="493"/>
      <c r="E11" s="493"/>
      <c r="F11" s="493"/>
      <c r="G11" s="117" t="s">
        <v>0</v>
      </c>
      <c r="H11" s="290" t="s">
        <v>773</v>
      </c>
      <c r="I11" s="2"/>
      <c r="J11" s="2"/>
      <c r="K11" s="2"/>
      <c r="L11" s="2"/>
      <c r="M11" s="2"/>
      <c r="N11" s="2"/>
      <c r="O11" s="2"/>
      <c r="P11" s="2"/>
      <c r="Q11" s="2"/>
      <c r="R11" s="2"/>
      <c r="S11" s="2"/>
      <c r="T11"/>
      <c r="U11" s="109" t="s">
        <v>0</v>
      </c>
      <c r="V11" s="2" t="s">
        <v>774</v>
      </c>
      <c r="W11" s="2"/>
      <c r="X11" s="141"/>
      <c r="Y11" s="141"/>
      <c r="Z11" s="141"/>
      <c r="AA11" s="141"/>
      <c r="AB11" s="141"/>
      <c r="AC11" s="141"/>
      <c r="AD11" s="141"/>
      <c r="AE11" s="141"/>
      <c r="AF11" s="141"/>
      <c r="AG11" s="141"/>
      <c r="AH11" s="142"/>
      <c r="AI11" s="97"/>
    </row>
    <row r="12" spans="2:35" ht="21" customHeight="1" x14ac:dyDescent="0.15">
      <c r="B12" s="426"/>
      <c r="C12" s="427"/>
      <c r="D12" s="427"/>
      <c r="E12" s="427"/>
      <c r="F12" s="428"/>
      <c r="G12" s="110" t="s">
        <v>0</v>
      </c>
      <c r="H12" s="259" t="s">
        <v>410</v>
      </c>
      <c r="I12" s="317"/>
      <c r="J12" s="317"/>
      <c r="K12" s="317"/>
      <c r="L12" s="317"/>
      <c r="M12" s="317"/>
      <c r="N12" s="317"/>
      <c r="O12" s="317"/>
      <c r="P12" s="317"/>
      <c r="Q12" s="317"/>
      <c r="R12" s="317"/>
      <c r="S12" s="317"/>
      <c r="T12" s="111"/>
      <c r="U12" s="317"/>
      <c r="V12" s="317"/>
      <c r="W12" s="317"/>
      <c r="X12" s="129"/>
      <c r="Y12" s="129"/>
      <c r="Z12" s="129"/>
      <c r="AA12" s="129"/>
      <c r="AB12" s="129"/>
      <c r="AC12" s="129"/>
      <c r="AD12" s="129"/>
      <c r="AE12" s="129"/>
      <c r="AF12" s="129"/>
      <c r="AG12" s="129"/>
      <c r="AH12" s="130"/>
    </row>
    <row r="13" spans="2:35" ht="21" customHeight="1" x14ac:dyDescent="0.15">
      <c r="B13" s="423" t="s">
        <v>367</v>
      </c>
      <c r="C13" s="424"/>
      <c r="D13" s="424"/>
      <c r="E13" s="424"/>
      <c r="F13" s="425"/>
      <c r="G13" s="126" t="s">
        <v>0</v>
      </c>
      <c r="H13" s="297" t="s">
        <v>775</v>
      </c>
      <c r="I13" s="323"/>
      <c r="J13" s="323"/>
      <c r="K13" s="323"/>
      <c r="L13" s="323"/>
      <c r="M13" s="323"/>
      <c r="N13" s="323"/>
      <c r="O13" s="323"/>
      <c r="P13" s="323"/>
      <c r="Q13" s="323"/>
      <c r="R13" s="323"/>
      <c r="S13" s="2"/>
      <c r="T13" s="323"/>
      <c r="U13" s="116"/>
      <c r="V13" s="116"/>
      <c r="W13" s="116"/>
      <c r="X13" s="297"/>
      <c r="Y13" s="127"/>
      <c r="Z13" s="127"/>
      <c r="AA13" s="127"/>
      <c r="AB13" s="127"/>
      <c r="AC13" s="127"/>
      <c r="AD13" s="127"/>
      <c r="AE13" s="127"/>
      <c r="AF13" s="127"/>
      <c r="AG13" s="127"/>
      <c r="AH13" s="128"/>
    </row>
    <row r="14" spans="2:35" ht="21" customHeight="1" x14ac:dyDescent="0.15">
      <c r="B14" s="426"/>
      <c r="C14" s="427"/>
      <c r="D14" s="427"/>
      <c r="E14" s="427"/>
      <c r="F14" s="428"/>
      <c r="G14" s="110" t="s">
        <v>0</v>
      </c>
      <c r="H14" s="259" t="s">
        <v>776</v>
      </c>
      <c r="I14" s="317"/>
      <c r="J14" s="317"/>
      <c r="K14" s="317"/>
      <c r="L14" s="317"/>
      <c r="M14" s="317"/>
      <c r="N14" s="317"/>
      <c r="O14" s="317"/>
      <c r="P14" s="317"/>
      <c r="Q14" s="317"/>
      <c r="R14" s="317"/>
      <c r="S14" s="317"/>
      <c r="T14" s="317"/>
      <c r="U14" s="129"/>
      <c r="V14" s="129"/>
      <c r="W14" s="129"/>
      <c r="X14" s="129"/>
      <c r="Y14" s="129"/>
      <c r="Z14" s="129"/>
      <c r="AA14" s="129"/>
      <c r="AB14" s="129"/>
      <c r="AC14" s="129"/>
      <c r="AD14" s="129"/>
      <c r="AE14" s="129"/>
      <c r="AF14" s="129"/>
      <c r="AG14" s="129"/>
      <c r="AH14" s="130"/>
    </row>
    <row r="15" spans="2:35" ht="13.5" customHeight="1" x14ac:dyDescent="0.15">
      <c r="B15" s="290"/>
      <c r="C15" s="290"/>
      <c r="D15" s="290"/>
      <c r="E15" s="290"/>
      <c r="F15" s="290"/>
      <c r="G15" s="109"/>
      <c r="H15" s="290"/>
      <c r="I15" s="2"/>
      <c r="J15" s="2"/>
      <c r="K15" s="2"/>
      <c r="L15" s="2"/>
      <c r="M15" s="2"/>
      <c r="N15" s="2"/>
      <c r="O15" s="2"/>
      <c r="P15" s="2"/>
      <c r="Q15" s="2"/>
      <c r="R15" s="2"/>
      <c r="S15" s="2"/>
      <c r="T15" s="2"/>
      <c r="U15" s="141"/>
      <c r="V15" s="141"/>
      <c r="W15" s="141"/>
      <c r="X15" s="141"/>
      <c r="Y15" s="141"/>
      <c r="Z15" s="141"/>
      <c r="AA15" s="141"/>
      <c r="AB15" s="141"/>
      <c r="AC15" s="141"/>
      <c r="AD15" s="141"/>
      <c r="AE15" s="141"/>
      <c r="AF15" s="141"/>
      <c r="AG15" s="141"/>
      <c r="AH15" s="141"/>
    </row>
    <row r="16" spans="2:35" ht="21" customHeight="1" x14ac:dyDescent="0.15">
      <c r="B16" s="296" t="s">
        <v>777</v>
      </c>
      <c r="C16" s="297"/>
      <c r="D16" s="297"/>
      <c r="E16" s="297"/>
      <c r="F16" s="297"/>
      <c r="G16" s="116"/>
      <c r="H16" s="297"/>
      <c r="I16" s="323"/>
      <c r="J16" s="323"/>
      <c r="K16" s="323"/>
      <c r="L16" s="323"/>
      <c r="M16" s="323"/>
      <c r="N16" s="323"/>
      <c r="O16" s="323"/>
      <c r="P16" s="323"/>
      <c r="Q16" s="323"/>
      <c r="R16" s="323"/>
      <c r="S16" s="323"/>
      <c r="T16" s="323"/>
      <c r="U16" s="127"/>
      <c r="V16" s="127"/>
      <c r="W16" s="127"/>
      <c r="X16" s="127"/>
      <c r="Y16" s="127"/>
      <c r="Z16" s="127"/>
      <c r="AA16" s="127"/>
      <c r="AB16" s="127"/>
      <c r="AC16" s="127"/>
      <c r="AD16" s="127"/>
      <c r="AE16" s="127"/>
      <c r="AF16" s="127"/>
      <c r="AG16" s="127"/>
      <c r="AH16" s="128"/>
    </row>
    <row r="17" spans="2:37" ht="21" customHeight="1" x14ac:dyDescent="0.15">
      <c r="B17" s="295"/>
      <c r="C17" s="290" t="s">
        <v>778</v>
      </c>
      <c r="D17" s="290"/>
      <c r="E17" s="290"/>
      <c r="F17" s="290"/>
      <c r="G17" s="109"/>
      <c r="H17" s="290"/>
      <c r="I17" s="2"/>
      <c r="J17" s="2"/>
      <c r="K17" s="2"/>
      <c r="L17" s="2"/>
      <c r="M17" s="2"/>
      <c r="N17" s="2"/>
      <c r="O17" s="2"/>
      <c r="P17" s="2"/>
      <c r="Q17" s="2"/>
      <c r="R17" s="2"/>
      <c r="S17" s="2"/>
      <c r="T17" s="2"/>
      <c r="U17" s="141"/>
      <c r="V17" s="141"/>
      <c r="W17" s="141"/>
      <c r="X17" s="141"/>
      <c r="Y17" s="141"/>
      <c r="Z17" s="141"/>
      <c r="AA17" s="141"/>
      <c r="AB17" s="141"/>
      <c r="AC17" s="141"/>
      <c r="AD17" s="141"/>
      <c r="AE17" s="141"/>
      <c r="AF17" s="141"/>
      <c r="AG17" s="141"/>
      <c r="AH17" s="142"/>
    </row>
    <row r="18" spans="2:37" ht="21" customHeight="1" x14ac:dyDescent="0.15">
      <c r="B18" s="329"/>
      <c r="C18" s="570" t="s">
        <v>779</v>
      </c>
      <c r="D18" s="570"/>
      <c r="E18" s="570"/>
      <c r="F18" s="570"/>
      <c r="G18" s="570"/>
      <c r="H18" s="570"/>
      <c r="I18" s="570"/>
      <c r="J18" s="570"/>
      <c r="K18" s="570"/>
      <c r="L18" s="570"/>
      <c r="M18" s="570"/>
      <c r="N18" s="570"/>
      <c r="O18" s="570"/>
      <c r="P18" s="570"/>
      <c r="Q18" s="570"/>
      <c r="R18" s="570"/>
      <c r="S18" s="570"/>
      <c r="T18" s="570"/>
      <c r="U18" s="570"/>
      <c r="V18" s="570"/>
      <c r="W18" s="570"/>
      <c r="X18" s="570"/>
      <c r="Y18" s="570"/>
      <c r="Z18" s="570"/>
      <c r="AA18" s="571" t="s">
        <v>780</v>
      </c>
      <c r="AB18" s="571"/>
      <c r="AC18" s="571"/>
      <c r="AD18" s="571"/>
      <c r="AE18" s="571"/>
      <c r="AF18" s="571"/>
      <c r="AG18" s="571"/>
      <c r="AH18" s="142"/>
      <c r="AK18" s="199"/>
    </row>
    <row r="19" spans="2:37" ht="21" customHeight="1" x14ac:dyDescent="0.15">
      <c r="B19" s="329"/>
      <c r="C19" s="572"/>
      <c r="D19" s="572"/>
      <c r="E19" s="572"/>
      <c r="F19" s="572"/>
      <c r="G19" s="572"/>
      <c r="H19" s="572"/>
      <c r="I19" s="572"/>
      <c r="J19" s="572"/>
      <c r="K19" s="572"/>
      <c r="L19" s="572"/>
      <c r="M19" s="572"/>
      <c r="N19" s="572"/>
      <c r="O19" s="572"/>
      <c r="P19" s="572"/>
      <c r="Q19" s="572"/>
      <c r="R19" s="572"/>
      <c r="S19" s="572"/>
      <c r="T19" s="572"/>
      <c r="U19" s="572"/>
      <c r="V19" s="572"/>
      <c r="W19" s="572"/>
      <c r="X19" s="572"/>
      <c r="Y19" s="572"/>
      <c r="Z19" s="572"/>
      <c r="AA19" s="200"/>
      <c r="AB19" s="200"/>
      <c r="AC19" s="200"/>
      <c r="AD19" s="200"/>
      <c r="AE19" s="200"/>
      <c r="AF19" s="200"/>
      <c r="AG19" s="200"/>
      <c r="AH19" s="142"/>
      <c r="AK19" s="199"/>
    </row>
    <row r="20" spans="2:37" ht="9" customHeight="1" x14ac:dyDescent="0.15">
      <c r="B20" s="329"/>
      <c r="C20" s="264"/>
      <c r="D20" s="264"/>
      <c r="E20" s="264"/>
      <c r="F20" s="264"/>
      <c r="G20" s="264"/>
      <c r="H20" s="264"/>
      <c r="I20" s="264"/>
      <c r="J20" s="264"/>
      <c r="K20" s="264"/>
      <c r="L20" s="264"/>
      <c r="M20" s="264"/>
      <c r="N20" s="264"/>
      <c r="O20" s="264"/>
      <c r="P20" s="264"/>
      <c r="Q20" s="264"/>
      <c r="R20" s="264"/>
      <c r="S20" s="264"/>
      <c r="T20" s="264"/>
      <c r="U20" s="264"/>
      <c r="V20" s="264"/>
      <c r="W20" s="264"/>
      <c r="X20" s="264"/>
      <c r="Y20" s="264"/>
      <c r="Z20" s="264"/>
      <c r="AA20" s="127"/>
      <c r="AB20" s="127"/>
      <c r="AC20" s="127"/>
      <c r="AD20" s="127"/>
      <c r="AE20" s="127"/>
      <c r="AF20" s="127"/>
      <c r="AG20" s="127"/>
      <c r="AH20" s="142"/>
      <c r="AK20" s="201"/>
    </row>
    <row r="21" spans="2:37" ht="21" customHeight="1" x14ac:dyDescent="0.15">
      <c r="B21" s="329"/>
      <c r="C21" s="325" t="s">
        <v>781</v>
      </c>
      <c r="D21" s="197"/>
      <c r="E21" s="197"/>
      <c r="F21" s="197"/>
      <c r="G21" s="202"/>
      <c r="H21" s="141"/>
      <c r="I21" s="141"/>
      <c r="J21" s="141"/>
      <c r="K21" s="141"/>
      <c r="L21" s="141"/>
      <c r="M21" s="141"/>
      <c r="N21" s="141"/>
      <c r="O21" s="141"/>
      <c r="P21" s="141"/>
      <c r="Q21" s="141"/>
      <c r="R21" s="141"/>
      <c r="S21" s="141"/>
      <c r="T21" s="141"/>
      <c r="U21" s="141"/>
      <c r="V21" s="141"/>
      <c r="W21" s="141"/>
      <c r="X21" s="141"/>
      <c r="Y21" s="141"/>
      <c r="Z21" s="141"/>
      <c r="AA21" s="141"/>
      <c r="AB21" s="141"/>
      <c r="AC21" s="141"/>
      <c r="AD21" s="141"/>
      <c r="AE21" s="141"/>
      <c r="AF21" s="141"/>
      <c r="AG21" s="141"/>
      <c r="AH21" s="142"/>
    </row>
    <row r="22" spans="2:37" ht="21" customHeight="1" x14ac:dyDescent="0.15">
      <c r="B22" s="329"/>
      <c r="C22" s="570" t="s">
        <v>782</v>
      </c>
      <c r="D22" s="570"/>
      <c r="E22" s="570"/>
      <c r="F22" s="570"/>
      <c r="G22" s="570"/>
      <c r="H22" s="570"/>
      <c r="I22" s="570"/>
      <c r="J22" s="570"/>
      <c r="K22" s="570"/>
      <c r="L22" s="570"/>
      <c r="M22" s="570"/>
      <c r="N22" s="570"/>
      <c r="O22" s="570"/>
      <c r="P22" s="570"/>
      <c r="Q22" s="570"/>
      <c r="R22" s="570"/>
      <c r="S22" s="570"/>
      <c r="T22" s="570"/>
      <c r="U22" s="570"/>
      <c r="V22" s="570"/>
      <c r="W22" s="570"/>
      <c r="X22" s="570"/>
      <c r="Y22" s="570"/>
      <c r="Z22" s="570"/>
      <c r="AA22" s="571" t="s">
        <v>780</v>
      </c>
      <c r="AB22" s="571"/>
      <c r="AC22" s="571"/>
      <c r="AD22" s="571"/>
      <c r="AE22" s="571"/>
      <c r="AF22" s="571"/>
      <c r="AG22" s="571"/>
      <c r="AH22" s="142"/>
    </row>
    <row r="23" spans="2:37" ht="20.100000000000001" customHeight="1" x14ac:dyDescent="0.15">
      <c r="B23" s="91"/>
      <c r="C23" s="570"/>
      <c r="D23" s="570"/>
      <c r="E23" s="570"/>
      <c r="F23" s="570"/>
      <c r="G23" s="570"/>
      <c r="H23" s="570"/>
      <c r="I23" s="570"/>
      <c r="J23" s="570"/>
      <c r="K23" s="570"/>
      <c r="L23" s="570"/>
      <c r="M23" s="570"/>
      <c r="N23" s="570"/>
      <c r="O23" s="570"/>
      <c r="P23" s="570"/>
      <c r="Q23" s="570"/>
      <c r="R23" s="570"/>
      <c r="S23" s="570"/>
      <c r="T23" s="570"/>
      <c r="U23" s="570"/>
      <c r="V23" s="570"/>
      <c r="W23" s="570"/>
      <c r="X23" s="570"/>
      <c r="Y23" s="570"/>
      <c r="Z23" s="572"/>
      <c r="AA23" s="203"/>
      <c r="AB23" s="203"/>
      <c r="AC23" s="203"/>
      <c r="AD23" s="203"/>
      <c r="AE23" s="203"/>
      <c r="AF23" s="203"/>
      <c r="AG23" s="203"/>
      <c r="AH23" s="204"/>
    </row>
    <row r="24" spans="2:37" s="290" customFormat="1" ht="20.100000000000001" customHeight="1" x14ac:dyDescent="0.15">
      <c r="B24" s="91"/>
      <c r="C24" s="441" t="s">
        <v>783</v>
      </c>
      <c r="D24" s="442"/>
      <c r="E24" s="442"/>
      <c r="F24" s="442"/>
      <c r="G24" s="442"/>
      <c r="H24" s="442"/>
      <c r="I24" s="442"/>
      <c r="J24" s="442"/>
      <c r="K24" s="442"/>
      <c r="L24" s="442"/>
      <c r="M24" s="126" t="s">
        <v>0</v>
      </c>
      <c r="N24" s="297" t="s">
        <v>784</v>
      </c>
      <c r="O24" s="297"/>
      <c r="P24" s="297"/>
      <c r="Q24" s="323"/>
      <c r="R24" s="323"/>
      <c r="S24" s="323"/>
      <c r="T24" s="323"/>
      <c r="U24" s="323"/>
      <c r="V24" s="323"/>
      <c r="W24" s="116" t="s">
        <v>0</v>
      </c>
      <c r="X24" s="297" t="s">
        <v>785</v>
      </c>
      <c r="Y24" s="205"/>
      <c r="Z24" s="205"/>
      <c r="AA24" s="323"/>
      <c r="AB24" s="323"/>
      <c r="AC24" s="323"/>
      <c r="AD24" s="323"/>
      <c r="AE24" s="323"/>
      <c r="AF24" s="323"/>
      <c r="AG24" s="324"/>
      <c r="AH24" s="142"/>
    </row>
    <row r="25" spans="2:37" s="290" customFormat="1" ht="20.100000000000001" customHeight="1" x14ac:dyDescent="0.15">
      <c r="B25" s="329"/>
      <c r="C25" s="446"/>
      <c r="D25" s="447"/>
      <c r="E25" s="447"/>
      <c r="F25" s="447"/>
      <c r="G25" s="447"/>
      <c r="H25" s="447"/>
      <c r="I25" s="447"/>
      <c r="J25" s="447"/>
      <c r="K25" s="447"/>
      <c r="L25" s="447"/>
      <c r="M25" s="110" t="s">
        <v>0</v>
      </c>
      <c r="N25" s="259" t="s">
        <v>786</v>
      </c>
      <c r="O25" s="259"/>
      <c r="P25" s="259"/>
      <c r="Q25" s="317"/>
      <c r="R25" s="317"/>
      <c r="S25" s="317"/>
      <c r="T25" s="317"/>
      <c r="U25" s="317"/>
      <c r="V25" s="317"/>
      <c r="W25" s="111" t="s">
        <v>0</v>
      </c>
      <c r="X25" s="259" t="s">
        <v>787</v>
      </c>
      <c r="Y25" s="206"/>
      <c r="Z25" s="206"/>
      <c r="AA25" s="317"/>
      <c r="AB25" s="317"/>
      <c r="AC25" s="317"/>
      <c r="AD25" s="317"/>
      <c r="AE25" s="317"/>
      <c r="AF25" s="317"/>
      <c r="AG25" s="325"/>
      <c r="AH25" s="142"/>
    </row>
    <row r="26" spans="2:37" s="290" customFormat="1" ht="9" customHeight="1" x14ac:dyDescent="0.15">
      <c r="B26" s="329"/>
      <c r="C26" s="306"/>
      <c r="D26" s="306"/>
      <c r="E26" s="306"/>
      <c r="F26" s="306"/>
      <c r="G26" s="306"/>
      <c r="H26" s="306"/>
      <c r="I26" s="306"/>
      <c r="J26" s="306"/>
      <c r="K26" s="306"/>
      <c r="L26" s="306"/>
      <c r="M26" s="306"/>
      <c r="N26" s="306"/>
      <c r="O26" s="306"/>
      <c r="P26" s="306"/>
      <c r="Q26" s="306"/>
      <c r="R26" s="306"/>
      <c r="S26" s="306"/>
      <c r="T26" s="306"/>
      <c r="U26" s="306"/>
      <c r="V26" s="306"/>
      <c r="W26" s="306"/>
      <c r="X26" s="306"/>
      <c r="Y26" s="306"/>
      <c r="Z26" s="306"/>
      <c r="AA26"/>
      <c r="AC26" s="2"/>
      <c r="AD26" s="2"/>
      <c r="AE26" s="2"/>
      <c r="AF26" s="2"/>
      <c r="AG26" s="2"/>
      <c r="AH26" s="142"/>
    </row>
    <row r="27" spans="2:37" s="290" customFormat="1" ht="20.100000000000001" customHeight="1" x14ac:dyDescent="0.15">
      <c r="B27" s="329"/>
      <c r="C27" s="574" t="s">
        <v>788</v>
      </c>
      <c r="D27" s="574"/>
      <c r="E27" s="574"/>
      <c r="F27" s="574"/>
      <c r="G27" s="574"/>
      <c r="H27" s="574"/>
      <c r="I27" s="574"/>
      <c r="J27" s="574"/>
      <c r="K27" s="574"/>
      <c r="L27" s="574"/>
      <c r="M27" s="574"/>
      <c r="N27" s="574"/>
      <c r="O27" s="574"/>
      <c r="P27" s="574"/>
      <c r="Q27" s="574"/>
      <c r="R27" s="574"/>
      <c r="S27" s="574"/>
      <c r="T27" s="574"/>
      <c r="U27" s="574"/>
      <c r="V27" s="574"/>
      <c r="W27" s="574"/>
      <c r="X27" s="574"/>
      <c r="Y27" s="574"/>
      <c r="Z27" s="574"/>
      <c r="AA27" s="141"/>
      <c r="AB27" s="141"/>
      <c r="AC27" s="141"/>
      <c r="AD27" s="141"/>
      <c r="AE27" s="141"/>
      <c r="AF27" s="141"/>
      <c r="AG27" s="141"/>
      <c r="AH27" s="142"/>
    </row>
    <row r="28" spans="2:37" s="290" customFormat="1" ht="20.100000000000001" customHeight="1" x14ac:dyDescent="0.15">
      <c r="B28" s="91"/>
      <c r="C28" s="575"/>
      <c r="D28" s="575"/>
      <c r="E28" s="575"/>
      <c r="F28" s="575"/>
      <c r="G28" s="575"/>
      <c r="H28" s="575"/>
      <c r="I28" s="575"/>
      <c r="J28" s="575"/>
      <c r="K28" s="575"/>
      <c r="L28" s="575"/>
      <c r="M28" s="575"/>
      <c r="N28" s="575"/>
      <c r="O28" s="575"/>
      <c r="P28" s="575"/>
      <c r="Q28" s="575"/>
      <c r="R28" s="575"/>
      <c r="S28" s="575"/>
      <c r="T28" s="575"/>
      <c r="U28" s="575"/>
      <c r="V28" s="575"/>
      <c r="W28" s="575"/>
      <c r="X28" s="575"/>
      <c r="Y28" s="575"/>
      <c r="Z28" s="575"/>
      <c r="AA28" s="207"/>
      <c r="AB28" s="208"/>
      <c r="AC28" s="208"/>
      <c r="AD28" s="208"/>
      <c r="AE28" s="208"/>
      <c r="AF28" s="208"/>
      <c r="AG28" s="208"/>
      <c r="AH28" s="209"/>
    </row>
    <row r="29" spans="2:37" s="290" customFormat="1" ht="9" customHeight="1" x14ac:dyDescent="0.15">
      <c r="B29" s="91"/>
      <c r="C29" s="2"/>
      <c r="D29" s="2"/>
      <c r="E29" s="2"/>
      <c r="F29" s="2"/>
      <c r="G29" s="208"/>
      <c r="H29" s="208"/>
      <c r="I29" s="208"/>
      <c r="J29" s="208"/>
      <c r="K29" s="208"/>
      <c r="L29" s="208"/>
      <c r="M29" s="208"/>
      <c r="N29" s="208"/>
      <c r="O29" s="208"/>
      <c r="P29" s="208"/>
      <c r="Q29" s="208"/>
      <c r="R29" s="208"/>
      <c r="S29" s="208"/>
      <c r="T29" s="208"/>
      <c r="U29" s="208"/>
      <c r="V29" s="208"/>
      <c r="W29" s="208"/>
      <c r="X29" s="208"/>
      <c r="Y29" s="208"/>
      <c r="Z29" s="208"/>
      <c r="AA29" s="208"/>
      <c r="AB29" s="208"/>
      <c r="AC29" s="208"/>
      <c r="AD29" s="208"/>
      <c r="AE29" s="208"/>
      <c r="AF29" s="208"/>
      <c r="AG29" s="208"/>
      <c r="AH29" s="209"/>
    </row>
    <row r="30" spans="2:37" s="290" customFormat="1" ht="20.100000000000001" customHeight="1" x14ac:dyDescent="0.15">
      <c r="B30" s="329"/>
      <c r="C30" s="570" t="s">
        <v>789</v>
      </c>
      <c r="D30" s="570"/>
      <c r="E30" s="570"/>
      <c r="F30" s="570"/>
      <c r="G30" s="570"/>
      <c r="H30" s="570"/>
      <c r="I30" s="570"/>
      <c r="J30" s="570"/>
      <c r="K30" s="576"/>
      <c r="L30" s="576"/>
      <c r="M30" s="576"/>
      <c r="N30" s="576"/>
      <c r="O30" s="576"/>
      <c r="P30" s="576"/>
      <c r="Q30" s="576"/>
      <c r="R30" s="576" t="s">
        <v>10</v>
      </c>
      <c r="S30" s="576"/>
      <c r="T30" s="576"/>
      <c r="U30" s="576"/>
      <c r="V30" s="576"/>
      <c r="W30" s="576"/>
      <c r="X30" s="576"/>
      <c r="Y30" s="576"/>
      <c r="Z30" s="576" t="s">
        <v>498</v>
      </c>
      <c r="AA30" s="576"/>
      <c r="AB30" s="576"/>
      <c r="AC30" s="576"/>
      <c r="AD30" s="576"/>
      <c r="AE30" s="576"/>
      <c r="AF30" s="576"/>
      <c r="AG30" s="578" t="s">
        <v>81</v>
      </c>
      <c r="AH30" s="142"/>
    </row>
    <row r="31" spans="2:37" s="290" customFormat="1" ht="20.100000000000001" customHeight="1" x14ac:dyDescent="0.15">
      <c r="B31" s="329"/>
      <c r="C31" s="570"/>
      <c r="D31" s="570"/>
      <c r="E31" s="570"/>
      <c r="F31" s="570"/>
      <c r="G31" s="570"/>
      <c r="H31" s="570"/>
      <c r="I31" s="570"/>
      <c r="J31" s="570"/>
      <c r="K31" s="577"/>
      <c r="L31" s="577"/>
      <c r="M31" s="577"/>
      <c r="N31" s="577"/>
      <c r="O31" s="577"/>
      <c r="P31" s="577"/>
      <c r="Q31" s="577"/>
      <c r="R31" s="577"/>
      <c r="S31" s="577"/>
      <c r="T31" s="577"/>
      <c r="U31" s="577"/>
      <c r="V31" s="577"/>
      <c r="W31" s="577"/>
      <c r="X31" s="577"/>
      <c r="Y31" s="577"/>
      <c r="Z31" s="577"/>
      <c r="AA31" s="577"/>
      <c r="AB31" s="577"/>
      <c r="AC31" s="577"/>
      <c r="AD31" s="577"/>
      <c r="AE31" s="577"/>
      <c r="AF31" s="577"/>
      <c r="AG31" s="579"/>
      <c r="AH31" s="142"/>
    </row>
    <row r="32" spans="2:37" s="290" customFormat="1" ht="13.5" customHeight="1" x14ac:dyDescent="0.15">
      <c r="B32" s="299"/>
      <c r="C32" s="259"/>
      <c r="D32" s="259"/>
      <c r="E32" s="259"/>
      <c r="F32" s="259"/>
      <c r="G32" s="210"/>
      <c r="H32" s="210"/>
      <c r="I32" s="210"/>
      <c r="J32" s="210"/>
      <c r="K32" s="210"/>
      <c r="L32" s="210"/>
      <c r="M32" s="210"/>
      <c r="N32" s="210"/>
      <c r="O32" s="210"/>
      <c r="P32" s="210"/>
      <c r="Q32" s="210"/>
      <c r="R32" s="210"/>
      <c r="S32" s="210"/>
      <c r="T32" s="210"/>
      <c r="U32" s="210"/>
      <c r="V32" s="210"/>
      <c r="W32" s="210"/>
      <c r="X32" s="210"/>
      <c r="Y32" s="210"/>
      <c r="Z32" s="210"/>
      <c r="AA32" s="210"/>
      <c r="AB32" s="210"/>
      <c r="AC32" s="210"/>
      <c r="AD32" s="210"/>
      <c r="AE32" s="210"/>
      <c r="AF32" s="210"/>
      <c r="AG32" s="210"/>
      <c r="AH32" s="211"/>
    </row>
    <row r="33" spans="2:34" s="290" customFormat="1" ht="13.5" customHeight="1" x14ac:dyDescent="0.15">
      <c r="G33" s="212"/>
      <c r="H33" s="212"/>
      <c r="I33" s="212"/>
      <c r="J33" s="212"/>
      <c r="K33" s="212"/>
      <c r="L33" s="212"/>
      <c r="M33" s="212"/>
      <c r="N33" s="212"/>
      <c r="O33" s="212"/>
      <c r="P33" s="212"/>
      <c r="Q33" s="212"/>
      <c r="R33" s="212"/>
      <c r="S33" s="212"/>
      <c r="T33" s="212"/>
      <c r="U33" s="212"/>
      <c r="V33" s="212"/>
      <c r="W33" s="212"/>
      <c r="X33" s="212"/>
      <c r="Y33" s="212"/>
      <c r="Z33" s="212"/>
      <c r="AA33" s="212"/>
      <c r="AB33" s="212"/>
      <c r="AC33" s="212"/>
      <c r="AD33" s="212"/>
      <c r="AE33" s="212"/>
      <c r="AF33" s="212"/>
      <c r="AG33" s="212"/>
      <c r="AH33" s="212"/>
    </row>
    <row r="34" spans="2:34" s="290" customFormat="1" ht="20.100000000000001" customHeight="1" x14ac:dyDescent="0.15">
      <c r="B34" s="296" t="s">
        <v>790</v>
      </c>
      <c r="C34" s="297"/>
      <c r="D34" s="297"/>
      <c r="E34" s="297"/>
      <c r="F34" s="297"/>
      <c r="G34" s="213"/>
      <c r="H34" s="213"/>
      <c r="I34" s="213"/>
      <c r="J34" s="213"/>
      <c r="K34" s="213"/>
      <c r="L34" s="213"/>
      <c r="M34" s="213"/>
      <c r="N34" s="213"/>
      <c r="O34" s="213"/>
      <c r="P34" s="213"/>
      <c r="Q34" s="213"/>
      <c r="R34" s="213"/>
      <c r="S34" s="213"/>
      <c r="T34" s="213"/>
      <c r="U34" s="213"/>
      <c r="V34" s="213"/>
      <c r="W34" s="213"/>
      <c r="X34" s="213"/>
      <c r="Y34" s="213"/>
      <c r="Z34" s="213"/>
      <c r="AA34" s="213"/>
      <c r="AB34" s="213"/>
      <c r="AC34" s="213"/>
      <c r="AD34" s="213"/>
      <c r="AE34" s="213"/>
      <c r="AF34" s="213"/>
      <c r="AG34" s="213"/>
      <c r="AH34" s="214"/>
    </row>
    <row r="35" spans="2:34" s="290" customFormat="1" ht="20.100000000000001" customHeight="1" x14ac:dyDescent="0.15">
      <c r="B35" s="329"/>
      <c r="C35" s="397" t="s">
        <v>791</v>
      </c>
      <c r="D35" s="397"/>
      <c r="E35" s="397"/>
      <c r="F35" s="397"/>
      <c r="G35" s="397"/>
      <c r="H35" s="397"/>
      <c r="I35" s="397"/>
      <c r="J35" s="397"/>
      <c r="K35" s="397"/>
      <c r="L35" s="397"/>
      <c r="M35" s="397"/>
      <c r="N35" s="397"/>
      <c r="O35" s="397"/>
      <c r="P35" s="397"/>
      <c r="Q35" s="397"/>
      <c r="R35" s="397"/>
      <c r="S35" s="397"/>
      <c r="T35" s="397"/>
      <c r="U35" s="397"/>
      <c r="V35" s="397"/>
      <c r="W35" s="397"/>
      <c r="X35" s="397"/>
      <c r="Y35" s="397"/>
      <c r="Z35" s="397"/>
      <c r="AA35" s="397"/>
      <c r="AB35" s="397"/>
      <c r="AC35" s="397"/>
      <c r="AD35" s="397"/>
      <c r="AE35" s="397"/>
      <c r="AF35" s="141"/>
      <c r="AG35" s="141"/>
      <c r="AH35" s="142"/>
    </row>
    <row r="36" spans="2:34" s="290" customFormat="1" ht="20.100000000000001" customHeight="1" x14ac:dyDescent="0.15">
      <c r="B36" s="240"/>
      <c r="C36" s="573" t="s">
        <v>779</v>
      </c>
      <c r="D36" s="570"/>
      <c r="E36" s="570"/>
      <c r="F36" s="570"/>
      <c r="G36" s="570"/>
      <c r="H36" s="570"/>
      <c r="I36" s="570"/>
      <c r="J36" s="570"/>
      <c r="K36" s="570"/>
      <c r="L36" s="570"/>
      <c r="M36" s="570"/>
      <c r="N36" s="570"/>
      <c r="O36" s="570"/>
      <c r="P36" s="570"/>
      <c r="Q36" s="570"/>
      <c r="R36" s="570"/>
      <c r="S36" s="570"/>
      <c r="T36" s="570"/>
      <c r="U36" s="570"/>
      <c r="V36" s="570"/>
      <c r="W36" s="570"/>
      <c r="X36" s="570"/>
      <c r="Y36" s="570"/>
      <c r="Z36" s="570"/>
      <c r="AA36" s="571" t="s">
        <v>780</v>
      </c>
      <c r="AB36" s="571"/>
      <c r="AC36" s="571"/>
      <c r="AD36" s="571"/>
      <c r="AE36" s="571"/>
      <c r="AF36" s="571"/>
      <c r="AG36" s="571"/>
      <c r="AH36" s="215"/>
    </row>
    <row r="37" spans="2:34" s="290" customFormat="1" ht="20.100000000000001" customHeight="1" x14ac:dyDescent="0.15">
      <c r="B37" s="194"/>
      <c r="C37" s="573"/>
      <c r="D37" s="570"/>
      <c r="E37" s="570"/>
      <c r="F37" s="570"/>
      <c r="G37" s="570"/>
      <c r="H37" s="570"/>
      <c r="I37" s="570"/>
      <c r="J37" s="570"/>
      <c r="K37" s="570"/>
      <c r="L37" s="570"/>
      <c r="M37" s="570"/>
      <c r="N37" s="570"/>
      <c r="O37" s="570"/>
      <c r="P37" s="570"/>
      <c r="Q37" s="570"/>
      <c r="R37" s="570"/>
      <c r="S37" s="570"/>
      <c r="T37" s="570"/>
      <c r="U37" s="570"/>
      <c r="V37" s="570"/>
      <c r="W37" s="570"/>
      <c r="X37" s="570"/>
      <c r="Y37" s="570"/>
      <c r="Z37" s="570"/>
      <c r="AA37" s="125"/>
      <c r="AB37" s="203"/>
      <c r="AC37" s="203"/>
      <c r="AD37" s="203"/>
      <c r="AE37" s="203"/>
      <c r="AF37" s="203"/>
      <c r="AG37" s="216"/>
      <c r="AH37" s="215"/>
    </row>
    <row r="38" spans="2:34" s="290" customFormat="1" ht="9" customHeight="1" x14ac:dyDescent="0.15">
      <c r="B38" s="91"/>
      <c r="C38" s="306"/>
      <c r="D38" s="306"/>
      <c r="E38" s="306"/>
      <c r="F38" s="306"/>
      <c r="G38" s="306"/>
      <c r="H38" s="306"/>
      <c r="I38" s="306"/>
      <c r="J38" s="306"/>
      <c r="K38" s="306"/>
      <c r="L38" s="306"/>
      <c r="M38" s="306"/>
      <c r="N38" s="306"/>
      <c r="O38" s="306"/>
      <c r="P38" s="306"/>
      <c r="Q38" s="306"/>
      <c r="R38" s="306"/>
      <c r="S38" s="306"/>
      <c r="T38" s="306"/>
      <c r="U38" s="306"/>
      <c r="V38" s="306"/>
      <c r="W38" s="306"/>
      <c r="X38" s="306"/>
      <c r="Y38" s="306"/>
      <c r="Z38" s="306"/>
      <c r="AA38" s="129"/>
      <c r="AB38" s="129"/>
      <c r="AC38" s="129"/>
      <c r="AD38" s="129"/>
      <c r="AE38" s="129"/>
      <c r="AF38" s="129"/>
      <c r="AG38" s="141"/>
      <c r="AH38" s="142"/>
    </row>
    <row r="39" spans="2:34" s="290" customFormat="1" ht="20.100000000000001" customHeight="1" x14ac:dyDescent="0.15">
      <c r="B39" s="91"/>
      <c r="C39" s="441" t="s">
        <v>783</v>
      </c>
      <c r="D39" s="439"/>
      <c r="E39" s="439"/>
      <c r="F39" s="439"/>
      <c r="G39" s="439"/>
      <c r="H39" s="439"/>
      <c r="I39" s="439"/>
      <c r="J39" s="439"/>
      <c r="K39" s="439"/>
      <c r="L39" s="439"/>
      <c r="M39" s="117" t="s">
        <v>0</v>
      </c>
      <c r="N39" s="290" t="s">
        <v>784</v>
      </c>
      <c r="Q39" s="2"/>
      <c r="R39" s="2"/>
      <c r="S39" s="2"/>
      <c r="T39" s="2"/>
      <c r="U39" s="2"/>
      <c r="V39" s="2"/>
      <c r="W39" s="109" t="s">
        <v>0</v>
      </c>
      <c r="X39" s="290" t="s">
        <v>785</v>
      </c>
      <c r="Y39"/>
      <c r="Z39"/>
      <c r="AA39" s="2"/>
      <c r="AB39" s="2"/>
      <c r="AC39" s="2"/>
      <c r="AD39" s="2"/>
      <c r="AE39" s="2"/>
      <c r="AF39" s="2"/>
      <c r="AG39" s="323"/>
      <c r="AH39" s="215"/>
    </row>
    <row r="40" spans="2:34" s="290" customFormat="1" ht="20.100000000000001" customHeight="1" x14ac:dyDescent="0.15">
      <c r="B40" s="91"/>
      <c r="C40" s="446"/>
      <c r="D40" s="447"/>
      <c r="E40" s="447"/>
      <c r="F40" s="447"/>
      <c r="G40" s="447"/>
      <c r="H40" s="447"/>
      <c r="I40" s="447"/>
      <c r="J40" s="447"/>
      <c r="K40" s="447"/>
      <c r="L40" s="447"/>
      <c r="M40" s="110" t="s">
        <v>0</v>
      </c>
      <c r="N40" s="259" t="s">
        <v>786</v>
      </c>
      <c r="O40" s="259"/>
      <c r="P40" s="259"/>
      <c r="Q40" s="317"/>
      <c r="R40" s="317"/>
      <c r="S40" s="317"/>
      <c r="T40" s="317"/>
      <c r="U40" s="317"/>
      <c r="V40" s="317"/>
      <c r="W40" s="317"/>
      <c r="X40" s="317"/>
      <c r="Y40" s="111"/>
      <c r="Z40" s="259"/>
      <c r="AA40" s="317"/>
      <c r="AB40" s="206"/>
      <c r="AC40" s="206"/>
      <c r="AD40" s="206"/>
      <c r="AE40" s="206"/>
      <c r="AF40" s="206"/>
      <c r="AG40" s="317"/>
      <c r="AH40" s="215"/>
    </row>
    <row r="41" spans="2:34" s="290" customFormat="1" ht="9" customHeight="1" x14ac:dyDescent="0.15">
      <c r="B41" s="91"/>
      <c r="C41" s="289"/>
      <c r="D41" s="289"/>
      <c r="E41" s="289"/>
      <c r="F41" s="289"/>
      <c r="G41" s="289"/>
      <c r="H41" s="289"/>
      <c r="I41" s="289"/>
      <c r="J41" s="289"/>
      <c r="K41" s="289"/>
      <c r="L41" s="289"/>
      <c r="M41" s="109"/>
      <c r="Q41" s="2"/>
      <c r="R41" s="2"/>
      <c r="S41" s="2"/>
      <c r="T41" s="2"/>
      <c r="U41" s="2"/>
      <c r="V41" s="2"/>
      <c r="W41" s="2"/>
      <c r="X41" s="2"/>
      <c r="Y41" s="109"/>
      <c r="AA41" s="2"/>
      <c r="AB41" s="2"/>
      <c r="AC41" s="2"/>
      <c r="AD41" s="2"/>
      <c r="AE41" s="2"/>
      <c r="AF41" s="2"/>
      <c r="AG41" s="2"/>
      <c r="AH41" s="142"/>
    </row>
    <row r="42" spans="2:34" s="290" customFormat="1" ht="20.100000000000001" customHeight="1" x14ac:dyDescent="0.15">
      <c r="B42" s="329"/>
      <c r="C42" s="570" t="s">
        <v>792</v>
      </c>
      <c r="D42" s="570"/>
      <c r="E42" s="570"/>
      <c r="F42" s="570"/>
      <c r="G42" s="570"/>
      <c r="H42" s="570"/>
      <c r="I42" s="570"/>
      <c r="J42" s="570"/>
      <c r="K42" s="581"/>
      <c r="L42" s="582"/>
      <c r="M42" s="582"/>
      <c r="N42" s="582"/>
      <c r="O42" s="582"/>
      <c r="P42" s="582"/>
      <c r="Q42" s="582"/>
      <c r="R42" s="346" t="s">
        <v>10</v>
      </c>
      <c r="S42" s="582"/>
      <c r="T42" s="582"/>
      <c r="U42" s="582"/>
      <c r="V42" s="582"/>
      <c r="W42" s="582"/>
      <c r="X42" s="582"/>
      <c r="Y42" s="582"/>
      <c r="Z42" s="346" t="s">
        <v>498</v>
      </c>
      <c r="AA42" s="582"/>
      <c r="AB42" s="582"/>
      <c r="AC42" s="582"/>
      <c r="AD42" s="582"/>
      <c r="AE42" s="582"/>
      <c r="AF42" s="582"/>
      <c r="AG42" s="217" t="s">
        <v>81</v>
      </c>
      <c r="AH42" s="218"/>
    </row>
    <row r="43" spans="2:34" s="290" customFormat="1" ht="10.5" customHeight="1" x14ac:dyDescent="0.15">
      <c r="B43" s="86"/>
      <c r="C43" s="306"/>
      <c r="D43" s="306"/>
      <c r="E43" s="306"/>
      <c r="F43" s="306"/>
      <c r="G43" s="306"/>
      <c r="H43" s="306"/>
      <c r="I43" s="306"/>
      <c r="J43" s="306"/>
      <c r="K43" s="347"/>
      <c r="L43" s="347"/>
      <c r="M43" s="347"/>
      <c r="N43" s="347"/>
      <c r="O43" s="347"/>
      <c r="P43" s="347"/>
      <c r="Q43" s="347"/>
      <c r="R43" s="347"/>
      <c r="S43" s="347"/>
      <c r="T43" s="347"/>
      <c r="U43" s="347"/>
      <c r="V43" s="347"/>
      <c r="W43" s="347"/>
      <c r="X43" s="347"/>
      <c r="Y43" s="347"/>
      <c r="Z43" s="347"/>
      <c r="AA43" s="347"/>
      <c r="AB43" s="347"/>
      <c r="AC43" s="347"/>
      <c r="AD43" s="347"/>
      <c r="AE43" s="347"/>
      <c r="AF43" s="347"/>
      <c r="AG43" s="347"/>
      <c r="AH43" s="219"/>
    </row>
    <row r="44" spans="2:34" s="290" customFormat="1" ht="6" customHeight="1" x14ac:dyDescent="0.15">
      <c r="B44" s="289"/>
      <c r="C44" s="289"/>
      <c r="D44" s="289"/>
      <c r="E44" s="289"/>
      <c r="F44" s="289"/>
      <c r="X44" s="134"/>
      <c r="Y44" s="134"/>
    </row>
    <row r="45" spans="2:34" s="290" customFormat="1" x14ac:dyDescent="0.15">
      <c r="B45" s="535" t="s">
        <v>397</v>
      </c>
      <c r="C45" s="535"/>
      <c r="D45" s="139" t="s">
        <v>398</v>
      </c>
      <c r="E45" s="308"/>
      <c r="F45" s="308"/>
      <c r="G45" s="308"/>
      <c r="H45" s="308"/>
      <c r="I45" s="308"/>
      <c r="J45" s="308"/>
      <c r="K45" s="308"/>
      <c r="L45" s="308"/>
      <c r="M45" s="308"/>
      <c r="N45" s="308"/>
      <c r="O45" s="308"/>
      <c r="P45" s="308"/>
      <c r="Q45" s="308"/>
      <c r="R45" s="308"/>
      <c r="S45" s="308"/>
      <c r="T45" s="308"/>
      <c r="U45" s="308"/>
      <c r="V45" s="308"/>
      <c r="W45" s="308"/>
      <c r="X45" s="308"/>
      <c r="Y45" s="308"/>
      <c r="Z45" s="308"/>
      <c r="AA45" s="308"/>
      <c r="AB45" s="308"/>
      <c r="AC45" s="308"/>
      <c r="AD45" s="308"/>
      <c r="AE45" s="308"/>
      <c r="AF45" s="308"/>
      <c r="AG45" s="308"/>
      <c r="AH45" s="308"/>
    </row>
    <row r="46" spans="2:34" s="290" customFormat="1" ht="13.5" customHeight="1" x14ac:dyDescent="0.15">
      <c r="B46" s="535" t="s">
        <v>399</v>
      </c>
      <c r="C46" s="535"/>
      <c r="D46" s="583" t="s">
        <v>793</v>
      </c>
      <c r="E46" s="583"/>
      <c r="F46" s="583"/>
      <c r="G46" s="583"/>
      <c r="H46" s="583"/>
      <c r="I46" s="583"/>
      <c r="J46" s="583"/>
      <c r="K46" s="583"/>
      <c r="L46" s="583"/>
      <c r="M46" s="583"/>
      <c r="N46" s="583"/>
      <c r="O46" s="583"/>
      <c r="P46" s="583"/>
      <c r="Q46" s="583"/>
      <c r="R46" s="583"/>
      <c r="S46" s="583"/>
      <c r="T46" s="583"/>
      <c r="U46" s="583"/>
      <c r="V46" s="583"/>
      <c r="W46" s="583"/>
      <c r="X46" s="583"/>
      <c r="Y46" s="583"/>
      <c r="Z46" s="583"/>
      <c r="AA46" s="583"/>
      <c r="AB46" s="583"/>
      <c r="AC46" s="583"/>
      <c r="AD46" s="583"/>
      <c r="AE46" s="583"/>
      <c r="AF46" s="583"/>
      <c r="AG46" s="583"/>
      <c r="AH46" s="583"/>
    </row>
    <row r="47" spans="2:34" s="290" customFormat="1" ht="13.5" customHeight="1" x14ac:dyDescent="0.15">
      <c r="B47" s="332"/>
      <c r="C47" s="332"/>
      <c r="D47" s="583"/>
      <c r="E47" s="583"/>
      <c r="F47" s="583"/>
      <c r="G47" s="583"/>
      <c r="H47" s="583"/>
      <c r="I47" s="583"/>
      <c r="J47" s="583"/>
      <c r="K47" s="583"/>
      <c r="L47" s="583"/>
      <c r="M47" s="583"/>
      <c r="N47" s="583"/>
      <c r="O47" s="583"/>
      <c r="P47" s="583"/>
      <c r="Q47" s="583"/>
      <c r="R47" s="583"/>
      <c r="S47" s="583"/>
      <c r="T47" s="583"/>
      <c r="U47" s="583"/>
      <c r="V47" s="583"/>
      <c r="W47" s="583"/>
      <c r="X47" s="583"/>
      <c r="Y47" s="583"/>
      <c r="Z47" s="583"/>
      <c r="AA47" s="583"/>
      <c r="AB47" s="583"/>
      <c r="AC47" s="583"/>
      <c r="AD47" s="583"/>
      <c r="AE47" s="583"/>
      <c r="AF47" s="583"/>
      <c r="AG47" s="583"/>
      <c r="AH47" s="583"/>
    </row>
    <row r="48" spans="2:34" s="290" customFormat="1" x14ac:dyDescent="0.15">
      <c r="B48" s="535" t="s">
        <v>401</v>
      </c>
      <c r="C48" s="535"/>
      <c r="D48" s="140" t="s">
        <v>794</v>
      </c>
      <c r="E48" s="288"/>
      <c r="F48" s="288"/>
      <c r="G48" s="288"/>
      <c r="H48" s="288"/>
      <c r="I48" s="288"/>
      <c r="J48" s="288"/>
      <c r="K48" s="288"/>
      <c r="L48" s="288"/>
      <c r="M48" s="288"/>
      <c r="N48" s="288"/>
      <c r="O48" s="288"/>
      <c r="P48" s="288"/>
      <c r="Q48" s="288"/>
      <c r="R48" s="288"/>
      <c r="S48" s="288"/>
      <c r="T48" s="288"/>
      <c r="U48" s="288"/>
      <c r="V48" s="288"/>
      <c r="W48" s="288"/>
      <c r="X48" s="288"/>
      <c r="Y48" s="288"/>
      <c r="Z48" s="288"/>
      <c r="AA48" s="288"/>
      <c r="AB48" s="288"/>
      <c r="AC48" s="288"/>
      <c r="AD48" s="288"/>
      <c r="AE48" s="288"/>
      <c r="AF48" s="288"/>
      <c r="AG48" s="288"/>
      <c r="AH48" s="288"/>
    </row>
    <row r="49" spans="1:37" ht="13.5" customHeight="1" x14ac:dyDescent="0.15">
      <c r="B49" s="535" t="s">
        <v>795</v>
      </c>
      <c r="C49" s="535"/>
      <c r="D49" s="583" t="s">
        <v>796</v>
      </c>
      <c r="E49" s="583"/>
      <c r="F49" s="583"/>
      <c r="G49" s="583"/>
      <c r="H49" s="583"/>
      <c r="I49" s="583"/>
      <c r="J49" s="583"/>
      <c r="K49" s="583"/>
      <c r="L49" s="583"/>
      <c r="M49" s="583"/>
      <c r="N49" s="583"/>
      <c r="O49" s="583"/>
      <c r="P49" s="583"/>
      <c r="Q49" s="583"/>
      <c r="R49" s="583"/>
      <c r="S49" s="583"/>
      <c r="T49" s="583"/>
      <c r="U49" s="583"/>
      <c r="V49" s="583"/>
      <c r="W49" s="583"/>
      <c r="X49" s="583"/>
      <c r="Y49" s="583"/>
      <c r="Z49" s="583"/>
      <c r="AA49" s="583"/>
      <c r="AB49" s="583"/>
      <c r="AC49" s="583"/>
      <c r="AD49" s="583"/>
      <c r="AE49" s="583"/>
      <c r="AF49" s="583"/>
      <c r="AG49" s="583"/>
      <c r="AH49" s="583"/>
    </row>
    <row r="50" spans="1:37" s="14" customFormat="1" ht="25.15" customHeight="1" x14ac:dyDescent="0.15">
      <c r="B50" s="272"/>
      <c r="C50" s="2"/>
      <c r="D50" s="583"/>
      <c r="E50" s="583"/>
      <c r="F50" s="583"/>
      <c r="G50" s="583"/>
      <c r="H50" s="583"/>
      <c r="I50" s="583"/>
      <c r="J50" s="583"/>
      <c r="K50" s="583"/>
      <c r="L50" s="583"/>
      <c r="M50" s="583"/>
      <c r="N50" s="583"/>
      <c r="O50" s="583"/>
      <c r="P50" s="583"/>
      <c r="Q50" s="583"/>
      <c r="R50" s="583"/>
      <c r="S50" s="583"/>
      <c r="T50" s="583"/>
      <c r="U50" s="583"/>
      <c r="V50" s="583"/>
      <c r="W50" s="583"/>
      <c r="X50" s="583"/>
      <c r="Y50" s="583"/>
      <c r="Z50" s="583"/>
      <c r="AA50" s="583"/>
      <c r="AB50" s="583"/>
      <c r="AC50" s="583"/>
      <c r="AD50" s="583"/>
      <c r="AE50" s="583"/>
      <c r="AF50" s="583"/>
      <c r="AG50" s="583"/>
      <c r="AH50" s="583"/>
    </row>
    <row r="51" spans="1:37" s="14" customFormat="1" ht="13.5" customHeight="1" x14ac:dyDescent="0.15">
      <c r="A51"/>
      <c r="B51" s="98" t="s">
        <v>797</v>
      </c>
      <c r="C51" s="98"/>
      <c r="D51" s="580" t="s">
        <v>798</v>
      </c>
      <c r="E51" s="580"/>
      <c r="F51" s="580"/>
      <c r="G51" s="580"/>
      <c r="H51" s="580"/>
      <c r="I51" s="580"/>
      <c r="J51" s="580"/>
      <c r="K51" s="580"/>
      <c r="L51" s="580"/>
      <c r="M51" s="580"/>
      <c r="N51" s="580"/>
      <c r="O51" s="580"/>
      <c r="P51" s="580"/>
      <c r="Q51" s="580"/>
      <c r="R51" s="580"/>
      <c r="S51" s="580"/>
      <c r="T51" s="580"/>
      <c r="U51" s="580"/>
      <c r="V51" s="580"/>
      <c r="W51" s="580"/>
      <c r="X51" s="580"/>
      <c r="Y51" s="580"/>
      <c r="Z51" s="580"/>
      <c r="AA51" s="580"/>
      <c r="AB51" s="580"/>
      <c r="AC51" s="580"/>
      <c r="AD51" s="580"/>
      <c r="AE51" s="580"/>
      <c r="AF51" s="580"/>
      <c r="AG51" s="580"/>
      <c r="AH51" s="580"/>
      <c r="AI51"/>
      <c r="AJ51"/>
      <c r="AK51"/>
    </row>
    <row r="52" spans="1:37" s="14" customFormat="1" x14ac:dyDescent="0.15">
      <c r="A52"/>
      <c r="B52"/>
      <c r="C52"/>
      <c r="D52"/>
      <c r="E52"/>
      <c r="F52"/>
      <c r="G52"/>
      <c r="H52"/>
      <c r="I52"/>
      <c r="J52"/>
      <c r="K52"/>
      <c r="L52"/>
      <c r="M52"/>
      <c r="N52"/>
      <c r="O52"/>
      <c r="P52"/>
      <c r="Q52"/>
      <c r="R52"/>
      <c r="S52"/>
      <c r="T52"/>
      <c r="U52"/>
      <c r="V52"/>
      <c r="W52"/>
      <c r="X52"/>
      <c r="Y52"/>
      <c r="Z52"/>
      <c r="AA52"/>
      <c r="AB52"/>
      <c r="AC52"/>
      <c r="AD52"/>
      <c r="AE52"/>
      <c r="AF52"/>
      <c r="AG52"/>
      <c r="AH52"/>
      <c r="AI52"/>
      <c r="AJ52"/>
      <c r="AK52"/>
    </row>
    <row r="53" spans="1:37" s="14" customFormat="1" x14ac:dyDescent="0.15">
      <c r="A53"/>
      <c r="B53"/>
      <c r="C53"/>
      <c r="D53"/>
      <c r="E53"/>
      <c r="F53"/>
      <c r="G53"/>
      <c r="H53"/>
      <c r="I53"/>
      <c r="J53"/>
      <c r="K53"/>
      <c r="L53"/>
      <c r="M53"/>
      <c r="N53"/>
      <c r="O53"/>
      <c r="P53"/>
      <c r="Q53"/>
      <c r="R53"/>
      <c r="S53"/>
      <c r="T53"/>
      <c r="U53"/>
      <c r="V53"/>
      <c r="W53"/>
      <c r="X53"/>
      <c r="Y53"/>
      <c r="Z53"/>
      <c r="AA53"/>
      <c r="AB53"/>
      <c r="AC53"/>
      <c r="AD53"/>
      <c r="AE53"/>
      <c r="AF53"/>
      <c r="AG53"/>
      <c r="AH53"/>
      <c r="AI53"/>
      <c r="AJ53"/>
      <c r="AK53"/>
    </row>
    <row r="54" spans="1:37" s="14" customFormat="1" x14ac:dyDescent="0.15">
      <c r="A54"/>
      <c r="B54"/>
      <c r="C54"/>
      <c r="D54"/>
      <c r="E54"/>
      <c r="F54"/>
      <c r="G54"/>
      <c r="H54"/>
      <c r="I54"/>
      <c r="J54"/>
      <c r="K54"/>
      <c r="L54"/>
      <c r="M54"/>
      <c r="N54"/>
      <c r="O54"/>
      <c r="P54"/>
      <c r="Q54"/>
      <c r="R54"/>
      <c r="S54"/>
      <c r="T54"/>
      <c r="U54"/>
      <c r="V54"/>
      <c r="W54"/>
      <c r="X54"/>
      <c r="Y54"/>
      <c r="Z54"/>
      <c r="AA54"/>
      <c r="AB54"/>
      <c r="AC54"/>
      <c r="AD54"/>
      <c r="AE54"/>
      <c r="AF54"/>
      <c r="AG54"/>
      <c r="AH54"/>
      <c r="AI54"/>
      <c r="AJ54"/>
      <c r="AK54"/>
    </row>
    <row r="122" spans="3:7" x14ac:dyDescent="0.15">
      <c r="C122" s="59"/>
      <c r="D122" s="59"/>
      <c r="E122" s="59"/>
      <c r="F122" s="59"/>
      <c r="G122" s="59"/>
    </row>
    <row r="123" spans="3:7" x14ac:dyDescent="0.15">
      <c r="C123" s="57"/>
    </row>
  </sheetData>
  <mergeCells count="40">
    <mergeCell ref="D51:AH51"/>
    <mergeCell ref="C39:L40"/>
    <mergeCell ref="C42:J42"/>
    <mergeCell ref="K42:Q42"/>
    <mergeCell ref="S42:Y42"/>
    <mergeCell ref="AA42:AF42"/>
    <mergeCell ref="B45:C45"/>
    <mergeCell ref="B46:C46"/>
    <mergeCell ref="D46:AH47"/>
    <mergeCell ref="B48:C48"/>
    <mergeCell ref="B49:C49"/>
    <mergeCell ref="D49:AH50"/>
    <mergeCell ref="AA30:AF31"/>
    <mergeCell ref="AG30:AG31"/>
    <mergeCell ref="C35:AE35"/>
    <mergeCell ref="C36:Z36"/>
    <mergeCell ref="AA36:AG36"/>
    <mergeCell ref="C37:Z37"/>
    <mergeCell ref="C23:Z23"/>
    <mergeCell ref="C24:L25"/>
    <mergeCell ref="C27:Z27"/>
    <mergeCell ref="C28:Z28"/>
    <mergeCell ref="C30:J31"/>
    <mergeCell ref="K30:Q31"/>
    <mergeCell ref="R30:R31"/>
    <mergeCell ref="S30:Y31"/>
    <mergeCell ref="Z30:Z31"/>
    <mergeCell ref="C22:Z22"/>
    <mergeCell ref="AA22:AG22"/>
    <mergeCell ref="Z3:AA3"/>
    <mergeCell ref="AC3:AD3"/>
    <mergeCell ref="AF3:AG3"/>
    <mergeCell ref="B5:AH5"/>
    <mergeCell ref="B7:F7"/>
    <mergeCell ref="B8:F8"/>
    <mergeCell ref="B9:F12"/>
    <mergeCell ref="B13:F14"/>
    <mergeCell ref="C18:Z18"/>
    <mergeCell ref="AA18:AG18"/>
    <mergeCell ref="C19:Z19"/>
  </mergeCells>
  <phoneticPr fontId="1"/>
  <dataValidations count="1">
    <dataValidation type="list" allowBlank="1" showInputMessage="1" showErrorMessage="1" sqref="G8:G17 L8 Q8 U13:W13 U9:U11 M24:M25 W24:W25 M39:M41 W39 T12 Y40:Y41">
      <formula1>"□,■"</formula1>
    </dataValidation>
  </dataValidations>
  <pageMargins left="0.7" right="0.7" top="0.75" bottom="0.75" header="0.3" footer="0.3"/>
  <pageSetup paperSize="9" scale="83" orientation="portrait" r:id="rId1"/>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Y123"/>
  <sheetViews>
    <sheetView zoomScaleNormal="100" workbookViewId="0">
      <selection activeCell="F61" sqref="F61"/>
    </sheetView>
  </sheetViews>
  <sheetFormatPr defaultColWidth="4" defaultRowHeight="13.5" x14ac:dyDescent="0.15"/>
  <cols>
    <col min="1" max="1" width="2.125" style="290" customWidth="1"/>
    <col min="2" max="2" width="2.375" style="290" customWidth="1"/>
    <col min="3" max="8" width="4" style="290"/>
    <col min="9" max="20" width="4.625" style="290" customWidth="1"/>
    <col min="21" max="21" width="2.375" style="290" customWidth="1"/>
    <col min="22" max="24" width="3.25" style="290" customWidth="1"/>
    <col min="25" max="25" width="2.375" style="290" customWidth="1"/>
    <col min="26" max="26" width="2.125" style="290" customWidth="1"/>
    <col min="27" max="16384" width="4" style="290"/>
  </cols>
  <sheetData>
    <row r="1" spans="2:25" ht="6.75" customHeight="1" x14ac:dyDescent="0.15"/>
    <row r="2" spans="2:25" x14ac:dyDescent="0.15">
      <c r="B2" s="290" t="s">
        <v>451</v>
      </c>
    </row>
    <row r="3" spans="2:25" ht="15.75" customHeight="1" x14ac:dyDescent="0.15">
      <c r="P3" s="283" t="s">
        <v>9</v>
      </c>
      <c r="Q3" s="392"/>
      <c r="R3" s="392"/>
      <c r="S3" s="272" t="s">
        <v>10</v>
      </c>
      <c r="T3" s="392"/>
      <c r="U3" s="392"/>
      <c r="V3" s="272" t="s">
        <v>80</v>
      </c>
      <c r="W3" s="392"/>
      <c r="X3" s="392"/>
      <c r="Y3" s="272" t="s">
        <v>81</v>
      </c>
    </row>
    <row r="4" spans="2:25" ht="6" customHeight="1" x14ac:dyDescent="0.15"/>
    <row r="5" spans="2:25" ht="27.75" customHeight="1" x14ac:dyDescent="0.15">
      <c r="B5" s="439" t="s">
        <v>303</v>
      </c>
      <c r="C5" s="392"/>
      <c r="D5" s="392"/>
      <c r="E5" s="392"/>
      <c r="F5" s="392"/>
      <c r="G5" s="392"/>
      <c r="H5" s="392"/>
      <c r="I5" s="392"/>
      <c r="J5" s="392"/>
      <c r="K5" s="392"/>
      <c r="L5" s="392"/>
      <c r="M5" s="392"/>
      <c r="N5" s="392"/>
      <c r="O5" s="392"/>
      <c r="P5" s="392"/>
      <c r="Q5" s="392"/>
      <c r="R5" s="392"/>
      <c r="S5" s="392"/>
      <c r="T5" s="392"/>
      <c r="U5" s="392"/>
      <c r="V5" s="392"/>
      <c r="W5" s="392"/>
      <c r="X5" s="392"/>
      <c r="Y5" s="392"/>
    </row>
    <row r="6" spans="2:25" ht="5.25" customHeight="1" x14ac:dyDescent="0.15"/>
    <row r="7" spans="2:25" ht="23.25" customHeight="1" x14ac:dyDescent="0.15">
      <c r="B7" s="398" t="s">
        <v>298</v>
      </c>
      <c r="C7" s="399"/>
      <c r="D7" s="399"/>
      <c r="E7" s="399"/>
      <c r="F7" s="400"/>
      <c r="G7" s="394"/>
      <c r="H7" s="395"/>
      <c r="I7" s="395"/>
      <c r="J7" s="395"/>
      <c r="K7" s="395"/>
      <c r="L7" s="395"/>
      <c r="M7" s="395"/>
      <c r="N7" s="395"/>
      <c r="O7" s="395"/>
      <c r="P7" s="395"/>
      <c r="Q7" s="395"/>
      <c r="R7" s="395"/>
      <c r="S7" s="395"/>
      <c r="T7" s="395"/>
      <c r="U7" s="395"/>
      <c r="V7" s="395"/>
      <c r="W7" s="395"/>
      <c r="X7" s="395"/>
      <c r="Y7" s="396"/>
    </row>
    <row r="8" spans="2:25" ht="23.25" customHeight="1" x14ac:dyDescent="0.15">
      <c r="B8" s="398" t="s">
        <v>116</v>
      </c>
      <c r="C8" s="399"/>
      <c r="D8" s="399"/>
      <c r="E8" s="399"/>
      <c r="F8" s="400"/>
      <c r="G8" s="107" t="s">
        <v>0</v>
      </c>
      <c r="H8" s="315" t="s">
        <v>87</v>
      </c>
      <c r="I8" s="315"/>
      <c r="J8" s="315"/>
      <c r="K8" s="315"/>
      <c r="L8" s="109" t="s">
        <v>0</v>
      </c>
      <c r="M8" s="315" t="s">
        <v>88</v>
      </c>
      <c r="N8" s="315"/>
      <c r="O8" s="315"/>
      <c r="P8" s="315"/>
      <c r="Q8" s="109" t="s">
        <v>0</v>
      </c>
      <c r="R8" s="315" t="s">
        <v>89</v>
      </c>
      <c r="S8" s="315"/>
      <c r="T8" s="315"/>
      <c r="U8" s="323"/>
      <c r="V8" s="323"/>
      <c r="W8" s="323"/>
      <c r="X8" s="323"/>
      <c r="Y8" s="324"/>
    </row>
    <row r="9" spans="2:25" ht="23.25" customHeight="1" x14ac:dyDescent="0.15">
      <c r="B9" s="401" t="s">
        <v>304</v>
      </c>
      <c r="C9" s="402"/>
      <c r="D9" s="402"/>
      <c r="E9" s="402"/>
      <c r="F9" s="403"/>
      <c r="G9" s="109" t="s">
        <v>0</v>
      </c>
      <c r="H9" s="297" t="s">
        <v>294</v>
      </c>
      <c r="I9" s="297"/>
      <c r="J9" s="323"/>
      <c r="K9" s="323"/>
      <c r="L9" s="323"/>
      <c r="M9" s="323"/>
      <c r="N9" s="323"/>
      <c r="O9" s="109" t="s">
        <v>0</v>
      </c>
      <c r="P9" s="297" t="s">
        <v>295</v>
      </c>
      <c r="Q9" s="323"/>
      <c r="R9" s="323"/>
      <c r="S9" s="323"/>
      <c r="T9" s="323"/>
      <c r="U9" s="323"/>
      <c r="V9" s="323"/>
      <c r="W9" s="323"/>
      <c r="X9" s="323"/>
      <c r="Y9" s="324"/>
    </row>
    <row r="10" spans="2:25" ht="23.25" customHeight="1" x14ac:dyDescent="0.15">
      <c r="B10" s="421"/>
      <c r="C10" s="392"/>
      <c r="D10" s="392"/>
      <c r="E10" s="392"/>
      <c r="F10" s="422"/>
      <c r="G10" s="109" t="s">
        <v>0</v>
      </c>
      <c r="H10" s="290" t="s">
        <v>296</v>
      </c>
      <c r="I10" s="2"/>
      <c r="J10" s="2"/>
      <c r="K10" s="2"/>
      <c r="L10" s="2"/>
      <c r="M10" s="2"/>
      <c r="N10" s="2"/>
      <c r="O10" s="109" t="s">
        <v>0</v>
      </c>
      <c r="P10" s="290" t="s">
        <v>305</v>
      </c>
      <c r="Q10" s="2"/>
      <c r="R10" s="2"/>
      <c r="S10" s="2"/>
      <c r="T10" s="2"/>
      <c r="U10" s="2"/>
      <c r="V10" s="2"/>
      <c r="W10" s="2"/>
      <c r="X10" s="2"/>
      <c r="Y10" s="88"/>
    </row>
    <row r="11" spans="2:25" ht="23.25" customHeight="1" x14ac:dyDescent="0.15">
      <c r="B11" s="404"/>
      <c r="C11" s="405"/>
      <c r="D11" s="405"/>
      <c r="E11" s="405"/>
      <c r="F11" s="406"/>
      <c r="G11" s="110" t="s">
        <v>0</v>
      </c>
      <c r="H11" s="259" t="s">
        <v>306</v>
      </c>
      <c r="I11" s="317"/>
      <c r="J11" s="317"/>
      <c r="K11" s="317"/>
      <c r="L11" s="317"/>
      <c r="M11" s="317"/>
      <c r="N11" s="317"/>
      <c r="O11" s="317"/>
      <c r="P11" s="317"/>
      <c r="Q11" s="317"/>
      <c r="R11" s="317"/>
      <c r="S11" s="317"/>
      <c r="T11" s="317"/>
      <c r="U11" s="317"/>
      <c r="V11" s="317"/>
      <c r="W11" s="317"/>
      <c r="X11" s="317"/>
      <c r="Y11" s="325"/>
    </row>
    <row r="13" spans="2:25" ht="6" customHeight="1" x14ac:dyDescent="0.15">
      <c r="B13" s="296"/>
      <c r="C13" s="297"/>
      <c r="D13" s="297"/>
      <c r="E13" s="297"/>
      <c r="F13" s="297"/>
      <c r="G13" s="297"/>
      <c r="H13" s="297"/>
      <c r="I13" s="297"/>
      <c r="J13" s="297"/>
      <c r="K13" s="297"/>
      <c r="L13" s="297"/>
      <c r="M13" s="297"/>
      <c r="N13" s="297"/>
      <c r="O13" s="297"/>
      <c r="P13" s="297"/>
      <c r="Q13" s="297"/>
      <c r="R13" s="297"/>
      <c r="S13" s="297"/>
      <c r="T13" s="297"/>
      <c r="U13" s="296"/>
      <c r="V13" s="297"/>
      <c r="W13" s="297"/>
      <c r="X13" s="297"/>
      <c r="Y13" s="298"/>
    </row>
    <row r="14" spans="2:25" x14ac:dyDescent="0.15">
      <c r="B14" s="295" t="s">
        <v>307</v>
      </c>
      <c r="U14" s="295"/>
      <c r="V14" s="94" t="s">
        <v>94</v>
      </c>
      <c r="W14" s="94" t="s">
        <v>95</v>
      </c>
      <c r="X14" s="94" t="s">
        <v>96</v>
      </c>
      <c r="Y14" s="294"/>
    </row>
    <row r="15" spans="2:25" ht="6.75" customHeight="1" x14ac:dyDescent="0.15">
      <c r="B15" s="295"/>
      <c r="U15" s="295"/>
      <c r="Y15" s="294"/>
    </row>
    <row r="16" spans="2:25" ht="18" customHeight="1" x14ac:dyDescent="0.15">
      <c r="B16" s="295"/>
      <c r="C16" s="290" t="s">
        <v>961</v>
      </c>
      <c r="U16" s="91"/>
      <c r="V16" s="109"/>
      <c r="W16" s="109"/>
      <c r="X16" s="109"/>
      <c r="Y16" s="88"/>
    </row>
    <row r="17" spans="2:25" ht="6.75" customHeight="1" x14ac:dyDescent="0.15">
      <c r="B17" s="295"/>
      <c r="U17" s="291"/>
      <c r="V17" s="272"/>
      <c r="W17" s="272"/>
      <c r="X17" s="272"/>
      <c r="Y17" s="292"/>
    </row>
    <row r="18" spans="2:25" ht="14.25" customHeight="1" x14ac:dyDescent="0.15">
      <c r="B18" s="295"/>
      <c r="C18" s="290" t="s">
        <v>308</v>
      </c>
      <c r="D18" s="398" t="s">
        <v>309</v>
      </c>
      <c r="E18" s="399"/>
      <c r="F18" s="399"/>
      <c r="G18" s="399"/>
      <c r="H18" s="400"/>
      <c r="I18" s="277" t="s">
        <v>310</v>
      </c>
      <c r="J18" s="286"/>
      <c r="K18" s="286"/>
      <c r="L18" s="399"/>
      <c r="M18" s="399"/>
      <c r="N18" s="399"/>
      <c r="O18" s="251" t="s">
        <v>181</v>
      </c>
      <c r="U18" s="291"/>
      <c r="V18" s="272"/>
      <c r="W18" s="272"/>
      <c r="X18" s="272"/>
      <c r="Y18" s="292"/>
    </row>
    <row r="19" spans="2:25" ht="7.5" customHeight="1" x14ac:dyDescent="0.15">
      <c r="B19" s="295"/>
      <c r="U19" s="291"/>
      <c r="V19" s="272"/>
      <c r="W19" s="272"/>
      <c r="X19" s="272"/>
      <c r="Y19" s="292"/>
    </row>
    <row r="20" spans="2:25" ht="18" customHeight="1" x14ac:dyDescent="0.15">
      <c r="B20" s="295"/>
      <c r="C20" s="290" t="s">
        <v>962</v>
      </c>
      <c r="U20" s="291"/>
      <c r="V20" s="272"/>
      <c r="W20" s="272"/>
      <c r="X20" s="272"/>
      <c r="Y20" s="292"/>
    </row>
    <row r="21" spans="2:25" ht="6.75" customHeight="1" x14ac:dyDescent="0.15">
      <c r="B21" s="295"/>
      <c r="U21" s="291"/>
      <c r="V21" s="272"/>
      <c r="W21" s="272"/>
      <c r="X21" s="272"/>
      <c r="Y21" s="292"/>
    </row>
    <row r="22" spans="2:25" ht="14.25" customHeight="1" x14ac:dyDescent="0.15">
      <c r="B22" s="295"/>
      <c r="C22" s="290" t="s">
        <v>308</v>
      </c>
      <c r="D22" s="398" t="s">
        <v>311</v>
      </c>
      <c r="E22" s="399"/>
      <c r="F22" s="399"/>
      <c r="G22" s="399"/>
      <c r="H22" s="400"/>
      <c r="I22" s="277" t="s">
        <v>310</v>
      </c>
      <c r="J22" s="286"/>
      <c r="K22" s="286"/>
      <c r="L22" s="399"/>
      <c r="M22" s="399"/>
      <c r="N22" s="399"/>
      <c r="O22" s="251" t="s">
        <v>181</v>
      </c>
      <c r="U22" s="291"/>
      <c r="V22" s="272"/>
      <c r="W22" s="272"/>
      <c r="X22" s="272"/>
      <c r="Y22" s="292"/>
    </row>
    <row r="23" spans="2:25" ht="7.5" customHeight="1" x14ac:dyDescent="0.15">
      <c r="B23" s="295"/>
      <c r="U23" s="291"/>
      <c r="V23" s="272"/>
      <c r="W23" s="272"/>
      <c r="X23" s="272"/>
      <c r="Y23" s="292"/>
    </row>
    <row r="24" spans="2:25" ht="18" customHeight="1" x14ac:dyDescent="0.15">
      <c r="B24" s="295"/>
      <c r="C24" s="290" t="s">
        <v>963</v>
      </c>
      <c r="U24" s="91"/>
      <c r="V24" s="109" t="s">
        <v>0</v>
      </c>
      <c r="W24" s="109" t="s">
        <v>95</v>
      </c>
      <c r="X24" s="109" t="s">
        <v>0</v>
      </c>
      <c r="Y24" s="88"/>
    </row>
    <row r="25" spans="2:25" ht="18" customHeight="1" x14ac:dyDescent="0.15">
      <c r="B25" s="295"/>
      <c r="C25" s="290" t="s">
        <v>312</v>
      </c>
      <c r="U25" s="91"/>
      <c r="V25" s="2"/>
      <c r="W25" s="2"/>
      <c r="X25" s="2"/>
      <c r="Y25" s="88"/>
    </row>
    <row r="26" spans="2:25" ht="18" customHeight="1" x14ac:dyDescent="0.15">
      <c r="B26" s="295"/>
      <c r="C26" s="290" t="s">
        <v>964</v>
      </c>
      <c r="T26" s="290" t="s">
        <v>313</v>
      </c>
      <c r="U26" s="91"/>
      <c r="V26" s="109" t="s">
        <v>0</v>
      </c>
      <c r="W26" s="109" t="s">
        <v>95</v>
      </c>
      <c r="X26" s="109" t="s">
        <v>0</v>
      </c>
      <c r="Y26" s="88"/>
    </row>
    <row r="27" spans="2:25" ht="18" customHeight="1" x14ac:dyDescent="0.15">
      <c r="B27" s="295"/>
      <c r="C27" s="290" t="s">
        <v>965</v>
      </c>
      <c r="U27" s="91"/>
      <c r="V27" s="109" t="s">
        <v>0</v>
      </c>
      <c r="W27" s="109" t="s">
        <v>95</v>
      </c>
      <c r="X27" s="109" t="s">
        <v>0</v>
      </c>
      <c r="Y27" s="88"/>
    </row>
    <row r="28" spans="2:25" ht="18" customHeight="1" x14ac:dyDescent="0.15">
      <c r="B28" s="295"/>
      <c r="C28" s="290" t="s">
        <v>314</v>
      </c>
      <c r="U28" s="91"/>
      <c r="V28" s="2"/>
      <c r="W28" s="2"/>
      <c r="X28" s="2"/>
      <c r="Y28" s="88"/>
    </row>
    <row r="29" spans="2:25" ht="18" customHeight="1" x14ac:dyDescent="0.15">
      <c r="B29" s="295"/>
      <c r="C29" s="290" t="s">
        <v>966</v>
      </c>
      <c r="U29" s="91"/>
      <c r="V29" s="109" t="s">
        <v>0</v>
      </c>
      <c r="W29" s="109" t="s">
        <v>95</v>
      </c>
      <c r="X29" s="109" t="s">
        <v>0</v>
      </c>
      <c r="Y29" s="88"/>
    </row>
    <row r="30" spans="2:25" ht="18" customHeight="1" x14ac:dyDescent="0.15">
      <c r="B30" s="295"/>
      <c r="C30" s="290" t="s">
        <v>967</v>
      </c>
      <c r="U30" s="91"/>
      <c r="V30" s="109" t="s">
        <v>0</v>
      </c>
      <c r="W30" s="109" t="s">
        <v>95</v>
      </c>
      <c r="X30" s="109" t="s">
        <v>0</v>
      </c>
      <c r="Y30" s="88"/>
    </row>
    <row r="31" spans="2:25" ht="18" customHeight="1" x14ac:dyDescent="0.15">
      <c r="B31" s="295"/>
      <c r="C31" s="290" t="s">
        <v>315</v>
      </c>
      <c r="U31" s="91"/>
      <c r="V31" s="2"/>
      <c r="W31" s="2"/>
      <c r="X31" s="2"/>
      <c r="Y31" s="88"/>
    </row>
    <row r="32" spans="2:25" ht="18" customHeight="1" x14ac:dyDescent="0.15">
      <c r="B32" s="295"/>
      <c r="C32" s="290" t="s">
        <v>1054</v>
      </c>
      <c r="U32" s="91"/>
      <c r="V32" s="109" t="s">
        <v>0</v>
      </c>
      <c r="W32" s="109" t="s">
        <v>95</v>
      </c>
      <c r="X32" s="109" t="s">
        <v>0</v>
      </c>
      <c r="Y32" s="88"/>
    </row>
    <row r="33" spans="2:25" ht="18" customHeight="1" x14ac:dyDescent="0.15">
      <c r="B33" s="295"/>
      <c r="C33" s="290" t="s">
        <v>968</v>
      </c>
      <c r="U33" s="91"/>
      <c r="V33" s="109"/>
      <c r="W33" s="109"/>
      <c r="X33" s="109"/>
      <c r="Y33" s="88"/>
    </row>
    <row r="34" spans="2:25" ht="18" customHeight="1" x14ac:dyDescent="0.15">
      <c r="B34" s="295"/>
      <c r="C34" s="290" t="s">
        <v>969</v>
      </c>
      <c r="U34" s="91"/>
      <c r="V34" s="109"/>
      <c r="W34" s="109"/>
      <c r="X34" s="109"/>
      <c r="Y34" s="88"/>
    </row>
    <row r="35" spans="2:25" ht="18" customHeight="1" x14ac:dyDescent="0.15">
      <c r="B35" s="295"/>
      <c r="C35" s="290" t="s">
        <v>1055</v>
      </c>
      <c r="U35" s="91"/>
      <c r="V35" s="109" t="s">
        <v>0</v>
      </c>
      <c r="W35" s="109" t="s">
        <v>95</v>
      </c>
      <c r="X35" s="109" t="s">
        <v>0</v>
      </c>
      <c r="Y35" s="88"/>
    </row>
    <row r="36" spans="2:25" ht="18" customHeight="1" x14ac:dyDescent="0.15">
      <c r="B36" s="295"/>
      <c r="C36" s="290" t="s">
        <v>970</v>
      </c>
      <c r="U36" s="91"/>
      <c r="V36" s="2"/>
      <c r="W36" s="2"/>
      <c r="X36" s="2"/>
      <c r="Y36" s="88"/>
    </row>
    <row r="37" spans="2:25" ht="18" customHeight="1" x14ac:dyDescent="0.15">
      <c r="B37" s="295"/>
      <c r="D37" s="290" t="s">
        <v>971</v>
      </c>
      <c r="U37" s="91"/>
      <c r="V37" s="109" t="s">
        <v>0</v>
      </c>
      <c r="W37" s="109" t="s">
        <v>95</v>
      </c>
      <c r="X37" s="109" t="s">
        <v>0</v>
      </c>
      <c r="Y37" s="88"/>
    </row>
    <row r="38" spans="2:25" ht="18" customHeight="1" x14ac:dyDescent="0.15">
      <c r="B38" s="295"/>
      <c r="D38" s="290" t="s">
        <v>972</v>
      </c>
      <c r="U38" s="91"/>
      <c r="V38" s="109" t="s">
        <v>0</v>
      </c>
      <c r="W38" s="109" t="s">
        <v>95</v>
      </c>
      <c r="X38" s="109" t="s">
        <v>0</v>
      </c>
      <c r="Y38" s="88"/>
    </row>
    <row r="39" spans="2:25" ht="18" customHeight="1" x14ac:dyDescent="0.15">
      <c r="B39" s="295"/>
      <c r="C39" s="290" t="s">
        <v>973</v>
      </c>
      <c r="U39" s="91"/>
      <c r="V39" s="335"/>
      <c r="W39" s="272" t="s">
        <v>95</v>
      </c>
      <c r="X39" s="335"/>
      <c r="Y39" s="88"/>
    </row>
    <row r="40" spans="2:25" ht="18" customHeight="1" x14ac:dyDescent="0.15">
      <c r="B40" s="295"/>
      <c r="C40" s="290" t="s">
        <v>316</v>
      </c>
      <c r="U40" s="91"/>
      <c r="V40" s="2"/>
      <c r="W40" s="2"/>
      <c r="X40" s="2"/>
      <c r="Y40" s="88"/>
    </row>
    <row r="41" spans="2:25" ht="18" customHeight="1" x14ac:dyDescent="0.15">
      <c r="B41" s="295"/>
      <c r="C41" s="290" t="s">
        <v>974</v>
      </c>
      <c r="U41" s="91"/>
      <c r="V41" s="109" t="s">
        <v>0</v>
      </c>
      <c r="W41" s="109" t="s">
        <v>95</v>
      </c>
      <c r="X41" s="109" t="s">
        <v>0</v>
      </c>
      <c r="Y41" s="88"/>
    </row>
    <row r="42" spans="2:25" ht="18" customHeight="1" x14ac:dyDescent="0.15">
      <c r="B42" s="295"/>
      <c r="C42" s="290" t="s">
        <v>317</v>
      </c>
      <c r="U42" s="291"/>
      <c r="V42" s="272"/>
      <c r="W42" s="272"/>
      <c r="X42" s="272"/>
      <c r="Y42" s="292"/>
    </row>
    <row r="43" spans="2:25" ht="18" customHeight="1" x14ac:dyDescent="0.15">
      <c r="B43" s="295"/>
      <c r="C43" s="290" t="s">
        <v>975</v>
      </c>
      <c r="U43" s="91"/>
      <c r="V43" s="109" t="s">
        <v>0</v>
      </c>
      <c r="W43" s="109" t="s">
        <v>95</v>
      </c>
      <c r="X43" s="109" t="s">
        <v>0</v>
      </c>
      <c r="Y43" s="88"/>
    </row>
    <row r="44" spans="2:25" ht="18" customHeight="1" x14ac:dyDescent="0.15">
      <c r="B44" s="295"/>
      <c r="C44" s="290" t="s">
        <v>318</v>
      </c>
      <c r="U44" s="291"/>
      <c r="V44" s="272"/>
      <c r="W44" s="272"/>
      <c r="X44" s="272"/>
      <c r="Y44" s="292"/>
    </row>
    <row r="45" spans="2:25" ht="18" customHeight="1" x14ac:dyDescent="0.15">
      <c r="B45" s="295"/>
      <c r="C45" s="290" t="s">
        <v>976</v>
      </c>
      <c r="U45" s="291"/>
      <c r="V45" s="272"/>
      <c r="W45" s="272"/>
      <c r="X45" s="272"/>
      <c r="Y45" s="292"/>
    </row>
    <row r="46" spans="2:25" ht="15" customHeight="1" x14ac:dyDescent="0.15">
      <c r="B46" s="295"/>
      <c r="U46" s="295"/>
      <c r="Y46" s="294"/>
    </row>
    <row r="47" spans="2:25" ht="15" customHeight="1" x14ac:dyDescent="0.15">
      <c r="B47" s="295" t="s">
        <v>319</v>
      </c>
      <c r="U47" s="291"/>
      <c r="V47" s="94" t="s">
        <v>94</v>
      </c>
      <c r="W47" s="94" t="s">
        <v>95</v>
      </c>
      <c r="X47" s="94" t="s">
        <v>96</v>
      </c>
      <c r="Y47" s="292"/>
    </row>
    <row r="48" spans="2:25" ht="6.75" customHeight="1" x14ac:dyDescent="0.15">
      <c r="B48" s="295"/>
      <c r="U48" s="291"/>
      <c r="V48" s="272"/>
      <c r="W48" s="272"/>
      <c r="X48" s="272"/>
      <c r="Y48" s="292"/>
    </row>
    <row r="49" spans="2:25" ht="18" customHeight="1" x14ac:dyDescent="0.15">
      <c r="B49" s="295"/>
      <c r="C49" s="290" t="s">
        <v>320</v>
      </c>
      <c r="U49" s="91"/>
      <c r="V49" s="109" t="s">
        <v>0</v>
      </c>
      <c r="W49" s="109" t="s">
        <v>95</v>
      </c>
      <c r="X49" s="109" t="s">
        <v>0</v>
      </c>
      <c r="Y49" s="88"/>
    </row>
    <row r="50" spans="2:25" ht="18" customHeight="1" x14ac:dyDescent="0.15">
      <c r="B50" s="295"/>
      <c r="C50" s="290" t="s">
        <v>321</v>
      </c>
      <c r="U50" s="295"/>
      <c r="Y50" s="294"/>
    </row>
    <row r="51" spans="2:25" ht="18" customHeight="1" x14ac:dyDescent="0.15">
      <c r="B51" s="295"/>
      <c r="C51" s="290" t="s">
        <v>977</v>
      </c>
      <c r="U51" s="91"/>
      <c r="V51" s="109" t="s">
        <v>0</v>
      </c>
      <c r="W51" s="109" t="s">
        <v>95</v>
      </c>
      <c r="X51" s="109" t="s">
        <v>0</v>
      </c>
      <c r="Y51" s="88"/>
    </row>
    <row r="52" spans="2:25" ht="18" customHeight="1" x14ac:dyDescent="0.15">
      <c r="B52" s="295"/>
      <c r="D52" s="407" t="s">
        <v>322</v>
      </c>
      <c r="E52" s="407"/>
      <c r="F52" s="407"/>
      <c r="G52" s="407"/>
      <c r="H52" s="407"/>
      <c r="I52" s="407"/>
      <c r="J52" s="407"/>
      <c r="K52" s="407"/>
      <c r="L52" s="407"/>
      <c r="M52" s="407"/>
      <c r="N52" s="407"/>
      <c r="O52" s="407"/>
      <c r="P52" s="407"/>
      <c r="Q52" s="407"/>
      <c r="R52" s="407"/>
      <c r="S52" s="407"/>
      <c r="T52" s="458"/>
      <c r="U52" s="91"/>
      <c r="V52" s="109"/>
      <c r="W52" s="109"/>
      <c r="X52" s="109"/>
      <c r="Y52" s="88"/>
    </row>
    <row r="53" spans="2:25" ht="18" customHeight="1" x14ac:dyDescent="0.15">
      <c r="B53" s="295"/>
      <c r="D53" s="407" t="s">
        <v>323</v>
      </c>
      <c r="E53" s="407"/>
      <c r="F53" s="407"/>
      <c r="G53" s="407"/>
      <c r="H53" s="407"/>
      <c r="I53" s="407"/>
      <c r="J53" s="407"/>
      <c r="K53" s="407"/>
      <c r="L53" s="407"/>
      <c r="M53" s="407"/>
      <c r="N53" s="407"/>
      <c r="O53" s="407"/>
      <c r="P53" s="407"/>
      <c r="Q53" s="407"/>
      <c r="R53" s="407"/>
      <c r="S53" s="407"/>
      <c r="T53" s="458"/>
      <c r="U53" s="91"/>
      <c r="V53" s="109"/>
      <c r="W53" s="109"/>
      <c r="X53" s="109"/>
      <c r="Y53" s="88"/>
    </row>
    <row r="54" spans="2:25" ht="18" customHeight="1" x14ac:dyDescent="0.15">
      <c r="B54" s="295"/>
      <c r="D54" s="407" t="s">
        <v>324</v>
      </c>
      <c r="E54" s="407"/>
      <c r="F54" s="407"/>
      <c r="G54" s="407"/>
      <c r="H54" s="407"/>
      <c r="I54" s="407"/>
      <c r="J54" s="407"/>
      <c r="K54" s="407"/>
      <c r="L54" s="407"/>
      <c r="M54" s="407"/>
      <c r="N54" s="407"/>
      <c r="O54" s="407"/>
      <c r="P54" s="407"/>
      <c r="Q54" s="407"/>
      <c r="R54" s="407"/>
      <c r="S54" s="407"/>
      <c r="T54" s="458"/>
      <c r="U54" s="91"/>
      <c r="V54" s="109"/>
      <c r="W54" s="109"/>
      <c r="X54" s="109"/>
      <c r="Y54" s="88"/>
    </row>
    <row r="55" spans="2:25" ht="18" customHeight="1" x14ac:dyDescent="0.15">
      <c r="B55" s="295"/>
      <c r="D55" s="407" t="s">
        <v>325</v>
      </c>
      <c r="E55" s="407"/>
      <c r="F55" s="407"/>
      <c r="G55" s="407"/>
      <c r="H55" s="407"/>
      <c r="I55" s="407"/>
      <c r="J55" s="407"/>
      <c r="K55" s="407"/>
      <c r="L55" s="407"/>
      <c r="M55" s="407"/>
      <c r="N55" s="407"/>
      <c r="O55" s="407"/>
      <c r="P55" s="407"/>
      <c r="Q55" s="407"/>
      <c r="R55" s="407"/>
      <c r="S55" s="407"/>
      <c r="T55" s="458"/>
      <c r="U55" s="91"/>
      <c r="V55" s="109"/>
      <c r="W55" s="109"/>
      <c r="X55" s="109"/>
      <c r="Y55" s="88"/>
    </row>
    <row r="56" spans="2:25" ht="18" customHeight="1" x14ac:dyDescent="0.15">
      <c r="B56" s="295"/>
      <c r="D56" s="407" t="s">
        <v>326</v>
      </c>
      <c r="E56" s="407"/>
      <c r="F56" s="407"/>
      <c r="G56" s="407"/>
      <c r="H56" s="407"/>
      <c r="I56" s="407"/>
      <c r="J56" s="407"/>
      <c r="K56" s="407"/>
      <c r="L56" s="407"/>
      <c r="M56" s="407"/>
      <c r="N56" s="407"/>
      <c r="O56" s="407"/>
      <c r="P56" s="407"/>
      <c r="Q56" s="407"/>
      <c r="R56" s="407"/>
      <c r="S56" s="407"/>
      <c r="T56" s="458"/>
      <c r="U56" s="91"/>
      <c r="V56" s="109"/>
      <c r="W56" s="109"/>
      <c r="X56" s="109"/>
      <c r="Y56" s="88"/>
    </row>
    <row r="57" spans="2:25" ht="18" customHeight="1" x14ac:dyDescent="0.15">
      <c r="B57" s="295"/>
      <c r="C57" s="290" t="s">
        <v>327</v>
      </c>
      <c r="U57" s="91"/>
      <c r="V57" s="109" t="s">
        <v>0</v>
      </c>
      <c r="W57" s="109" t="s">
        <v>95</v>
      </c>
      <c r="X57" s="109" t="s">
        <v>0</v>
      </c>
      <c r="Y57" s="88"/>
    </row>
    <row r="58" spans="2:25" ht="8.25" customHeight="1" x14ac:dyDescent="0.15">
      <c r="B58" s="299"/>
      <c r="C58" s="259"/>
      <c r="D58" s="259"/>
      <c r="E58" s="259"/>
      <c r="F58" s="259"/>
      <c r="G58" s="259"/>
      <c r="H58" s="259"/>
      <c r="I58" s="259"/>
      <c r="J58" s="259"/>
      <c r="K58" s="259"/>
      <c r="L58" s="259"/>
      <c r="M58" s="259"/>
      <c r="N58" s="259"/>
      <c r="O58" s="259"/>
      <c r="P58" s="259"/>
      <c r="Q58" s="259"/>
      <c r="R58" s="259"/>
      <c r="S58" s="259"/>
      <c r="T58" s="259"/>
      <c r="U58" s="404"/>
      <c r="V58" s="405"/>
      <c r="W58" s="405"/>
      <c r="X58" s="405"/>
      <c r="Y58" s="406"/>
    </row>
    <row r="59" spans="2:25" x14ac:dyDescent="0.15">
      <c r="B59" s="290" t="s">
        <v>328</v>
      </c>
    </row>
    <row r="60" spans="2:25" ht="14.25" customHeight="1" x14ac:dyDescent="0.15">
      <c r="B60" s="290" t="s">
        <v>329</v>
      </c>
    </row>
    <row r="61" spans="2:25" ht="9" customHeight="1" x14ac:dyDescent="0.15">
      <c r="B61" s="296"/>
      <c r="C61" s="297"/>
      <c r="D61" s="297"/>
      <c r="E61" s="297"/>
      <c r="F61" s="297"/>
      <c r="G61" s="297"/>
      <c r="H61" s="297"/>
      <c r="I61" s="297"/>
      <c r="J61" s="297"/>
      <c r="K61" s="297"/>
      <c r="L61" s="297"/>
      <c r="M61" s="297"/>
      <c r="N61" s="297"/>
      <c r="O61" s="297"/>
      <c r="P61" s="297"/>
      <c r="Q61" s="297"/>
      <c r="R61" s="297"/>
      <c r="S61" s="297"/>
      <c r="T61" s="297"/>
      <c r="U61" s="296"/>
      <c r="V61" s="297"/>
      <c r="W61" s="297"/>
      <c r="X61" s="297"/>
      <c r="Y61" s="298"/>
    </row>
    <row r="62" spans="2:25" x14ac:dyDescent="0.15">
      <c r="B62" s="295" t="s">
        <v>330</v>
      </c>
      <c r="U62" s="295"/>
      <c r="V62" s="94" t="s">
        <v>94</v>
      </c>
      <c r="W62" s="94" t="s">
        <v>95</v>
      </c>
      <c r="X62" s="94" t="s">
        <v>96</v>
      </c>
      <c r="Y62" s="294"/>
    </row>
    <row r="63" spans="2:25" ht="6.75" customHeight="1" x14ac:dyDescent="0.15">
      <c r="B63" s="295"/>
      <c r="U63" s="295"/>
      <c r="Y63" s="294"/>
    </row>
    <row r="64" spans="2:25" ht="18" customHeight="1" x14ac:dyDescent="0.15">
      <c r="B64" s="295"/>
      <c r="C64" s="290" t="s">
        <v>331</v>
      </c>
      <c r="U64" s="91"/>
      <c r="V64" s="109" t="s">
        <v>0</v>
      </c>
      <c r="W64" s="109" t="s">
        <v>95</v>
      </c>
      <c r="X64" s="109" t="s">
        <v>0</v>
      </c>
      <c r="Y64" s="88"/>
    </row>
    <row r="65" spans="2:25" ht="18" customHeight="1" x14ac:dyDescent="0.15">
      <c r="B65" s="295"/>
      <c r="C65" s="290" t="s">
        <v>332</v>
      </c>
      <c r="U65" s="295"/>
      <c r="Y65" s="294"/>
    </row>
    <row r="66" spans="2:25" ht="18" customHeight="1" x14ac:dyDescent="0.15">
      <c r="B66" s="295"/>
      <c r="C66" s="290" t="s">
        <v>333</v>
      </c>
      <c r="U66" s="295"/>
      <c r="Y66" s="294"/>
    </row>
    <row r="67" spans="2:25" ht="6" customHeight="1" x14ac:dyDescent="0.15">
      <c r="B67" s="299"/>
      <c r="C67" s="259"/>
      <c r="D67" s="259"/>
      <c r="E67" s="259"/>
      <c r="F67" s="259"/>
      <c r="G67" s="259"/>
      <c r="H67" s="259"/>
      <c r="I67" s="259"/>
      <c r="J67" s="259"/>
      <c r="K67" s="259"/>
      <c r="L67" s="259"/>
      <c r="M67" s="259"/>
      <c r="N67" s="259"/>
      <c r="O67" s="259"/>
      <c r="P67" s="259"/>
      <c r="Q67" s="259"/>
      <c r="R67" s="259"/>
      <c r="S67" s="259"/>
      <c r="T67" s="259"/>
      <c r="U67" s="299"/>
      <c r="V67" s="259"/>
      <c r="W67" s="259"/>
      <c r="X67" s="259"/>
      <c r="Y67" s="300"/>
    </row>
    <row r="122" spans="3:7" x14ac:dyDescent="0.15">
      <c r="C122" s="259"/>
      <c r="D122" s="259"/>
      <c r="E122" s="259"/>
      <c r="F122" s="259"/>
      <c r="G122" s="259"/>
    </row>
    <row r="123" spans="3:7" x14ac:dyDescent="0.15">
      <c r="C123" s="297"/>
    </row>
  </sheetData>
  <mergeCells count="18">
    <mergeCell ref="U58:Y58"/>
    <mergeCell ref="B8:F8"/>
    <mergeCell ref="B9:F11"/>
    <mergeCell ref="D18:H18"/>
    <mergeCell ref="L18:N18"/>
    <mergeCell ref="D22:H22"/>
    <mergeCell ref="L22:N22"/>
    <mergeCell ref="D52:T52"/>
    <mergeCell ref="D53:T53"/>
    <mergeCell ref="D54:T54"/>
    <mergeCell ref="D55:T55"/>
    <mergeCell ref="D56:T56"/>
    <mergeCell ref="Q3:R3"/>
    <mergeCell ref="T3:U3"/>
    <mergeCell ref="W3:X3"/>
    <mergeCell ref="B5:Y5"/>
    <mergeCell ref="B7:F7"/>
    <mergeCell ref="G7:Y7"/>
  </mergeCells>
  <phoneticPr fontId="1"/>
  <dataValidations count="1">
    <dataValidation type="list" allowBlank="1" showInputMessage="1" showErrorMessage="1" sqref="G8:G11 O9:O10 L8 Q8 X64 V24 X24 V26:V27 X26:X27 V29:V30 X29:X30 V32:V35 X32:X35 V37:V38 X37:X38 V41 X41 V43 X43 V49 X49 V64 X16 V16 X51:X57 V51:V57">
      <formula1>"□,■"</formula1>
    </dataValidation>
  </dataValidations>
  <pageMargins left="0.7" right="0.7" top="0.75" bottom="0.75" header="0.3" footer="0.3"/>
  <pageSetup paperSize="9" scale="75" orientation="portrait" r:id="rId1"/>
  <rowBreaks count="1" manualBreakCount="1">
    <brk id="69" max="16383" man="1"/>
  </rowBreaks>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Y122"/>
  <sheetViews>
    <sheetView view="pageBreakPreview" zoomScale="80" zoomScaleNormal="100" zoomScaleSheetLayoutView="80" workbookViewId="0">
      <selection activeCell="F61" sqref="F61"/>
    </sheetView>
  </sheetViews>
  <sheetFormatPr defaultColWidth="4" defaultRowHeight="13.5" x14ac:dyDescent="0.15"/>
  <cols>
    <col min="1" max="1" width="2.125" style="290" customWidth="1"/>
    <col min="2" max="2" width="1.625" style="290" customWidth="1"/>
    <col min="3" max="19" width="3.875" style="290" customWidth="1"/>
    <col min="20" max="20" width="7.75" style="290" customWidth="1"/>
    <col min="21" max="25" width="3.25" style="290" customWidth="1"/>
    <col min="26" max="26" width="2.125" style="290" customWidth="1"/>
    <col min="27" max="16384" width="4" style="290"/>
  </cols>
  <sheetData>
    <row r="1" spans="2:25" ht="6.75" customHeight="1" x14ac:dyDescent="0.15"/>
    <row r="2" spans="2:25" x14ac:dyDescent="0.15">
      <c r="B2" s="290" t="s">
        <v>1032</v>
      </c>
    </row>
    <row r="3" spans="2:25" ht="15.75" customHeight="1" x14ac:dyDescent="0.15">
      <c r="P3" s="283" t="s">
        <v>9</v>
      </c>
      <c r="Q3" s="392"/>
      <c r="R3" s="392"/>
      <c r="S3" s="272" t="s">
        <v>10</v>
      </c>
      <c r="T3" s="392"/>
      <c r="U3" s="392"/>
      <c r="V3" s="272" t="s">
        <v>80</v>
      </c>
      <c r="W3" s="392"/>
      <c r="X3" s="392"/>
      <c r="Y3" s="272" t="s">
        <v>81</v>
      </c>
    </row>
    <row r="4" spans="2:25" ht="10.5" customHeight="1" x14ac:dyDescent="0.15"/>
    <row r="5" spans="2:25" ht="27.75" customHeight="1" x14ac:dyDescent="0.15">
      <c r="B5" s="439" t="s">
        <v>1011</v>
      </c>
      <c r="C5" s="439"/>
      <c r="D5" s="439"/>
      <c r="E5" s="439"/>
      <c r="F5" s="439"/>
      <c r="G5" s="439"/>
      <c r="H5" s="439"/>
      <c r="I5" s="439"/>
      <c r="J5" s="439"/>
      <c r="K5" s="439"/>
      <c r="L5" s="439"/>
      <c r="M5" s="439"/>
      <c r="N5" s="439"/>
      <c r="O5" s="439"/>
      <c r="P5" s="439"/>
      <c r="Q5" s="439"/>
      <c r="R5" s="439"/>
      <c r="S5" s="439"/>
      <c r="T5" s="439"/>
      <c r="U5" s="439"/>
      <c r="V5" s="439"/>
      <c r="W5" s="439"/>
      <c r="X5" s="439"/>
      <c r="Y5" s="439"/>
    </row>
    <row r="7" spans="2:25" ht="23.25" customHeight="1" x14ac:dyDescent="0.15">
      <c r="B7" s="398" t="s">
        <v>1012</v>
      </c>
      <c r="C7" s="398"/>
      <c r="D7" s="398"/>
      <c r="E7" s="398"/>
      <c r="F7" s="398"/>
      <c r="G7" s="398"/>
      <c r="H7" s="398"/>
      <c r="I7" s="398"/>
      <c r="J7" s="398"/>
      <c r="K7" s="398"/>
      <c r="L7" s="398"/>
      <c r="M7" s="398"/>
      <c r="N7" s="398"/>
      <c r="O7" s="398"/>
      <c r="P7" s="398"/>
      <c r="Q7" s="398"/>
      <c r="R7" s="398"/>
      <c r="S7" s="398"/>
      <c r="T7" s="398"/>
      <c r="U7" s="398"/>
      <c r="V7" s="398"/>
      <c r="W7" s="398"/>
      <c r="X7" s="398"/>
      <c r="Y7" s="393"/>
    </row>
    <row r="8" spans="2:25" ht="23.25" customHeight="1" x14ac:dyDescent="0.15">
      <c r="B8" s="393" t="s">
        <v>1013</v>
      </c>
      <c r="C8" s="393"/>
      <c r="D8" s="393"/>
      <c r="E8" s="393"/>
      <c r="F8" s="393"/>
      <c r="G8" s="393"/>
      <c r="H8" s="393"/>
      <c r="I8" s="489"/>
      <c r="J8" s="489"/>
      <c r="K8" s="489"/>
      <c r="L8" s="489"/>
      <c r="M8" s="489"/>
      <c r="N8" s="489"/>
      <c r="O8" s="489"/>
      <c r="P8" s="489"/>
      <c r="Q8" s="489"/>
      <c r="R8" s="489"/>
      <c r="S8" s="489"/>
      <c r="T8" s="489"/>
      <c r="U8" s="489"/>
      <c r="V8" s="489"/>
      <c r="W8" s="489"/>
      <c r="X8" s="489"/>
      <c r="Y8" s="489"/>
    </row>
    <row r="9" spans="2:25" ht="23.25" customHeight="1" x14ac:dyDescent="0.15">
      <c r="B9" s="393" t="s">
        <v>1014</v>
      </c>
      <c r="C9" s="393"/>
      <c r="D9" s="393"/>
      <c r="E9" s="393"/>
      <c r="F9" s="393"/>
      <c r="G9" s="393"/>
      <c r="H9" s="393"/>
      <c r="I9" s="107" t="s">
        <v>0</v>
      </c>
      <c r="J9" s="315" t="s">
        <v>87</v>
      </c>
      <c r="K9" s="315"/>
      <c r="L9" s="315"/>
      <c r="M9" s="315"/>
      <c r="N9" s="108" t="s">
        <v>0</v>
      </c>
      <c r="O9" s="315" t="s">
        <v>88</v>
      </c>
      <c r="P9" s="315"/>
      <c r="Q9" s="315"/>
      <c r="R9" s="315"/>
      <c r="S9" s="108" t="s">
        <v>0</v>
      </c>
      <c r="T9" s="315" t="s">
        <v>89</v>
      </c>
      <c r="U9" s="315"/>
      <c r="V9" s="315"/>
      <c r="W9" s="315"/>
      <c r="X9" s="315"/>
      <c r="Y9" s="321"/>
    </row>
    <row r="11" spans="2:25" ht="6" customHeight="1" x14ac:dyDescent="0.15">
      <c r="B11" s="296"/>
      <c r="C11" s="297"/>
      <c r="D11" s="297"/>
      <c r="E11" s="297"/>
      <c r="F11" s="297"/>
      <c r="G11" s="297"/>
      <c r="H11" s="297"/>
      <c r="I11" s="297"/>
      <c r="J11" s="297"/>
      <c r="K11" s="297"/>
      <c r="L11" s="297"/>
      <c r="M11" s="297"/>
      <c r="N11" s="297"/>
      <c r="O11" s="297"/>
      <c r="P11" s="297"/>
      <c r="Q11" s="297"/>
      <c r="R11" s="297"/>
      <c r="S11" s="297"/>
      <c r="T11" s="297"/>
      <c r="U11" s="296"/>
      <c r="V11" s="297"/>
      <c r="W11" s="297"/>
      <c r="X11" s="297"/>
      <c r="Y11" s="298"/>
    </row>
    <row r="12" spans="2:25" x14ac:dyDescent="0.15">
      <c r="B12" s="295" t="s">
        <v>1015</v>
      </c>
      <c r="U12" s="295"/>
      <c r="V12" s="94" t="s">
        <v>94</v>
      </c>
      <c r="W12" s="94" t="s">
        <v>95</v>
      </c>
      <c r="X12" s="94" t="s">
        <v>96</v>
      </c>
      <c r="Y12" s="294"/>
    </row>
    <row r="13" spans="2:25" ht="6" customHeight="1" x14ac:dyDescent="0.15">
      <c r="B13" s="295"/>
      <c r="U13" s="295"/>
      <c r="Y13" s="294"/>
    </row>
    <row r="14" spans="2:25" ht="18" customHeight="1" x14ac:dyDescent="0.15">
      <c r="B14" s="295"/>
      <c r="C14" s="290" t="s">
        <v>1016</v>
      </c>
      <c r="U14" s="91"/>
      <c r="V14" s="109" t="s">
        <v>0</v>
      </c>
      <c r="W14" s="109" t="s">
        <v>95</v>
      </c>
      <c r="X14" s="109" t="s">
        <v>0</v>
      </c>
      <c r="Y14" s="88"/>
    </row>
    <row r="15" spans="2:25" ht="18" customHeight="1" x14ac:dyDescent="0.15">
      <c r="B15" s="295"/>
      <c r="C15" s="290" t="s">
        <v>1017</v>
      </c>
      <c r="U15" s="91"/>
      <c r="V15" s="2"/>
      <c r="W15" s="2"/>
      <c r="X15" s="2"/>
      <c r="Y15" s="88"/>
    </row>
    <row r="16" spans="2:25" ht="18" customHeight="1" x14ac:dyDescent="0.15">
      <c r="B16" s="295"/>
      <c r="U16" s="91"/>
      <c r="V16" s="2"/>
      <c r="W16" s="2"/>
      <c r="X16" s="2"/>
      <c r="Y16" s="88"/>
    </row>
    <row r="17" spans="2:25" ht="18" customHeight="1" x14ac:dyDescent="0.15">
      <c r="B17" s="295"/>
      <c r="C17" s="290" t="s">
        <v>308</v>
      </c>
      <c r="D17" s="398" t="s">
        <v>311</v>
      </c>
      <c r="E17" s="398"/>
      <c r="F17" s="398"/>
      <c r="G17" s="398"/>
      <c r="H17" s="398"/>
      <c r="I17" s="277" t="s">
        <v>310</v>
      </c>
      <c r="J17" s="286"/>
      <c r="K17" s="286"/>
      <c r="L17" s="399"/>
      <c r="M17" s="399"/>
      <c r="N17" s="399"/>
      <c r="O17" s="251" t="s">
        <v>181</v>
      </c>
      <c r="U17" s="291"/>
      <c r="V17" s="272"/>
      <c r="W17" s="272"/>
      <c r="X17" s="272"/>
      <c r="Y17" s="292"/>
    </row>
    <row r="18" spans="2:25" ht="18" customHeight="1" x14ac:dyDescent="0.15">
      <c r="B18" s="295"/>
      <c r="C18" s="290" t="s">
        <v>308</v>
      </c>
      <c r="D18" s="398" t="s">
        <v>311</v>
      </c>
      <c r="E18" s="398"/>
      <c r="F18" s="398"/>
      <c r="G18" s="398"/>
      <c r="H18" s="398"/>
      <c r="I18" s="277" t="s">
        <v>1018</v>
      </c>
      <c r="J18" s="286"/>
      <c r="K18" s="286"/>
      <c r="L18" s="399"/>
      <c r="M18" s="399"/>
      <c r="N18" s="399"/>
      <c r="O18" s="251" t="s">
        <v>181</v>
      </c>
      <c r="U18" s="291"/>
      <c r="V18" s="272"/>
      <c r="W18" s="272"/>
      <c r="X18" s="272"/>
      <c r="Y18" s="292"/>
    </row>
    <row r="19" spans="2:25" ht="18" customHeight="1" x14ac:dyDescent="0.15">
      <c r="B19" s="295"/>
      <c r="D19" s="272"/>
      <c r="E19" s="272"/>
      <c r="F19" s="272"/>
      <c r="G19" s="272"/>
      <c r="H19" s="272"/>
      <c r="O19" s="272"/>
      <c r="U19" s="291"/>
      <c r="V19" s="272"/>
      <c r="W19" s="272"/>
      <c r="X19" s="272"/>
      <c r="Y19" s="292"/>
    </row>
    <row r="20" spans="2:25" ht="18" customHeight="1" x14ac:dyDescent="0.15">
      <c r="B20" s="295"/>
      <c r="C20" s="290" t="s">
        <v>1019</v>
      </c>
      <c r="U20" s="91"/>
      <c r="V20" s="109" t="s">
        <v>0</v>
      </c>
      <c r="W20" s="109" t="s">
        <v>95</v>
      </c>
      <c r="X20" s="109" t="s">
        <v>0</v>
      </c>
      <c r="Y20" s="88"/>
    </row>
    <row r="21" spans="2:25" ht="18" customHeight="1" x14ac:dyDescent="0.15">
      <c r="B21" s="295"/>
      <c r="C21" s="290" t="s">
        <v>1020</v>
      </c>
      <c r="U21" s="91"/>
      <c r="V21" s="2"/>
      <c r="W21" s="2"/>
      <c r="X21" s="2"/>
      <c r="Y21" s="88"/>
    </row>
    <row r="22" spans="2:25" ht="18" customHeight="1" x14ac:dyDescent="0.15">
      <c r="B22" s="295"/>
      <c r="C22" s="290" t="s">
        <v>1021</v>
      </c>
      <c r="T22" s="290" t="s">
        <v>313</v>
      </c>
      <c r="U22" s="91"/>
      <c r="V22" s="109" t="s">
        <v>0</v>
      </c>
      <c r="W22" s="109" t="s">
        <v>95</v>
      </c>
      <c r="X22" s="109" t="s">
        <v>0</v>
      </c>
      <c r="Y22" s="88"/>
    </row>
    <row r="23" spans="2:25" ht="18" customHeight="1" x14ac:dyDescent="0.15">
      <c r="B23" s="295"/>
      <c r="C23" s="290" t="s">
        <v>1022</v>
      </c>
      <c r="U23" s="91"/>
      <c r="V23" s="109" t="s">
        <v>0</v>
      </c>
      <c r="W23" s="109" t="s">
        <v>95</v>
      </c>
      <c r="X23" s="109" t="s">
        <v>0</v>
      </c>
      <c r="Y23" s="88"/>
    </row>
    <row r="24" spans="2:25" ht="18" customHeight="1" x14ac:dyDescent="0.15">
      <c r="B24" s="295"/>
      <c r="C24" s="290" t="s">
        <v>1023</v>
      </c>
      <c r="U24" s="91"/>
      <c r="V24" s="109" t="s">
        <v>0</v>
      </c>
      <c r="W24" s="109" t="s">
        <v>95</v>
      </c>
      <c r="X24" s="109" t="s">
        <v>0</v>
      </c>
      <c r="Y24" s="88"/>
    </row>
    <row r="25" spans="2:25" ht="18" customHeight="1" x14ac:dyDescent="0.15">
      <c r="B25" s="295"/>
      <c r="C25" s="290" t="s">
        <v>1024</v>
      </c>
      <c r="U25" s="91"/>
      <c r="V25" s="2"/>
      <c r="W25" s="2"/>
      <c r="X25" s="2"/>
      <c r="Y25" s="88"/>
    </row>
    <row r="26" spans="2:25" ht="18" customHeight="1" x14ac:dyDescent="0.15">
      <c r="B26" s="295"/>
      <c r="C26" s="290" t="s">
        <v>1037</v>
      </c>
      <c r="U26" s="91"/>
      <c r="V26" s="109" t="s">
        <v>0</v>
      </c>
      <c r="W26" s="109" t="s">
        <v>95</v>
      </c>
      <c r="X26" s="109" t="s">
        <v>0</v>
      </c>
      <c r="Y26" s="88"/>
    </row>
    <row r="27" spans="2:25" ht="18" customHeight="1" x14ac:dyDescent="0.15">
      <c r="B27" s="295"/>
      <c r="C27" s="290" t="s">
        <v>968</v>
      </c>
      <c r="U27" s="91"/>
      <c r="V27" s="109"/>
      <c r="W27" s="109"/>
      <c r="X27" s="109"/>
      <c r="Y27" s="88"/>
    </row>
    <row r="28" spans="2:25" ht="18" customHeight="1" x14ac:dyDescent="0.15">
      <c r="B28" s="295"/>
      <c r="C28" s="290" t="s">
        <v>969</v>
      </c>
      <c r="U28" s="91"/>
      <c r="V28" s="109"/>
      <c r="W28" s="109"/>
      <c r="X28" s="109"/>
      <c r="Y28" s="88"/>
    </row>
    <row r="29" spans="2:25" ht="18" customHeight="1" x14ac:dyDescent="0.15">
      <c r="B29" s="295"/>
      <c r="C29" s="290" t="s">
        <v>1038</v>
      </c>
      <c r="U29" s="91"/>
      <c r="V29" s="109" t="s">
        <v>0</v>
      </c>
      <c r="W29" s="109" t="s">
        <v>95</v>
      </c>
      <c r="X29" s="109" t="s">
        <v>0</v>
      </c>
      <c r="Y29" s="88"/>
    </row>
    <row r="30" spans="2:25" ht="18" customHeight="1" x14ac:dyDescent="0.15">
      <c r="B30" s="295"/>
      <c r="C30" s="290" t="s">
        <v>1025</v>
      </c>
      <c r="U30" s="91"/>
      <c r="V30" s="2"/>
      <c r="W30" s="2"/>
      <c r="X30" s="2"/>
      <c r="Y30" s="88"/>
    </row>
    <row r="31" spans="2:25" ht="18" customHeight="1" x14ac:dyDescent="0.15">
      <c r="B31" s="295"/>
      <c r="D31" s="290" t="s">
        <v>971</v>
      </c>
      <c r="U31" s="91"/>
      <c r="V31" s="109" t="s">
        <v>0</v>
      </c>
      <c r="W31" s="109" t="s">
        <v>95</v>
      </c>
      <c r="X31" s="109" t="s">
        <v>0</v>
      </c>
      <c r="Y31" s="88"/>
    </row>
    <row r="32" spans="2:25" ht="18" customHeight="1" x14ac:dyDescent="0.15">
      <c r="B32" s="295"/>
      <c r="D32" s="290" t="s">
        <v>972</v>
      </c>
      <c r="U32" s="91"/>
      <c r="V32" s="109" t="s">
        <v>0</v>
      </c>
      <c r="W32" s="109" t="s">
        <v>95</v>
      </c>
      <c r="X32" s="109" t="s">
        <v>0</v>
      </c>
      <c r="Y32" s="88"/>
    </row>
    <row r="33" spans="2:25" ht="18" customHeight="1" x14ac:dyDescent="0.15">
      <c r="B33" s="295"/>
      <c r="C33" s="290" t="s">
        <v>1026</v>
      </c>
      <c r="U33" s="91"/>
      <c r="V33" s="109" t="s">
        <v>0</v>
      </c>
      <c r="W33" s="109" t="s">
        <v>95</v>
      </c>
      <c r="X33" s="109" t="s">
        <v>0</v>
      </c>
      <c r="Y33" s="88"/>
    </row>
    <row r="34" spans="2:25" ht="18" customHeight="1" x14ac:dyDescent="0.15">
      <c r="B34" s="295"/>
      <c r="C34" s="290" t="s">
        <v>1027</v>
      </c>
      <c r="U34" s="91"/>
      <c r="V34" s="2"/>
      <c r="W34" s="2"/>
      <c r="X34" s="2"/>
      <c r="Y34" s="88"/>
    </row>
    <row r="35" spans="2:25" ht="18" customHeight="1" x14ac:dyDescent="0.15">
      <c r="B35" s="295"/>
      <c r="C35" s="290" t="s">
        <v>1028</v>
      </c>
      <c r="U35" s="91"/>
      <c r="V35" s="109" t="s">
        <v>0</v>
      </c>
      <c r="W35" s="109" t="s">
        <v>95</v>
      </c>
      <c r="X35" s="109" t="s">
        <v>0</v>
      </c>
      <c r="Y35" s="88"/>
    </row>
    <row r="36" spans="2:25" ht="18" customHeight="1" x14ac:dyDescent="0.15">
      <c r="B36" s="295"/>
      <c r="C36" s="290" t="s">
        <v>1029</v>
      </c>
      <c r="U36" s="91"/>
      <c r="V36" s="2"/>
      <c r="W36" s="2"/>
      <c r="X36" s="2"/>
      <c r="Y36" s="88"/>
    </row>
    <row r="37" spans="2:25" ht="18" customHeight="1" x14ac:dyDescent="0.15">
      <c r="B37" s="295"/>
      <c r="C37" s="290" t="s">
        <v>1030</v>
      </c>
      <c r="U37" s="91"/>
      <c r="V37" s="109" t="s">
        <v>0</v>
      </c>
      <c r="W37" s="109" t="s">
        <v>95</v>
      </c>
      <c r="X37" s="109" t="s">
        <v>0</v>
      </c>
      <c r="Y37" s="88"/>
    </row>
    <row r="38" spans="2:25" ht="18" customHeight="1" x14ac:dyDescent="0.15">
      <c r="B38" s="295"/>
      <c r="C38" s="290" t="s">
        <v>318</v>
      </c>
      <c r="U38" s="91"/>
      <c r="V38" s="2"/>
      <c r="W38" s="2"/>
      <c r="X38" s="2"/>
      <c r="Y38" s="88"/>
    </row>
    <row r="39" spans="2:25" ht="18" customHeight="1" x14ac:dyDescent="0.15">
      <c r="B39" s="299"/>
      <c r="C39" s="259" t="s">
        <v>1031</v>
      </c>
      <c r="D39" s="259"/>
      <c r="E39" s="259"/>
      <c r="F39" s="259"/>
      <c r="G39" s="259"/>
      <c r="H39" s="259"/>
      <c r="I39" s="259"/>
      <c r="J39" s="259"/>
      <c r="K39" s="259"/>
      <c r="L39" s="259"/>
      <c r="M39" s="259"/>
      <c r="N39" s="259"/>
      <c r="O39" s="259"/>
      <c r="P39" s="259"/>
      <c r="Q39" s="259"/>
      <c r="R39" s="259"/>
      <c r="S39" s="259"/>
      <c r="T39" s="259"/>
      <c r="U39" s="316"/>
      <c r="V39" s="317"/>
      <c r="W39" s="317"/>
      <c r="X39" s="317"/>
      <c r="Y39" s="325"/>
    </row>
    <row r="40" spans="2:25" x14ac:dyDescent="0.15">
      <c r="B40" s="290" t="s">
        <v>328</v>
      </c>
    </row>
    <row r="41" spans="2:25" ht="14.25" customHeight="1" x14ac:dyDescent="0.15">
      <c r="B41" s="290" t="s">
        <v>329</v>
      </c>
    </row>
    <row r="43" spans="2:25" ht="14.25" customHeight="1" x14ac:dyDescent="0.15"/>
    <row r="121" spans="3:7" x14ac:dyDescent="0.15">
      <c r="C121" s="259"/>
      <c r="D121" s="259"/>
      <c r="E121" s="259"/>
      <c r="F121" s="259"/>
      <c r="G121" s="259"/>
    </row>
    <row r="122" spans="3:7" x14ac:dyDescent="0.15">
      <c r="C122" s="297"/>
    </row>
  </sheetData>
  <mergeCells count="13">
    <mergeCell ref="D18:H18"/>
    <mergeCell ref="L18:N18"/>
    <mergeCell ref="Q3:R3"/>
    <mergeCell ref="T3:U3"/>
    <mergeCell ref="W3:X3"/>
    <mergeCell ref="B5:Y5"/>
    <mergeCell ref="B7:H7"/>
    <mergeCell ref="I7:Y7"/>
    <mergeCell ref="B8:H8"/>
    <mergeCell ref="I8:Y8"/>
    <mergeCell ref="B9:H9"/>
    <mergeCell ref="D17:H17"/>
    <mergeCell ref="L17:N17"/>
  </mergeCells>
  <phoneticPr fontId="1"/>
  <dataValidations count="1">
    <dataValidation type="list" allowBlank="1" showInputMessage="1" showErrorMessage="1" sqref="I9 N9 S9 V14 X14 V20 X20 V22:V24 X22:X24 V26:V29 X26:X29 V31:V33 X31:X33 V35 X35 V37 X37">
      <formula1>"□,■"</formula1>
    </dataValidation>
  </dataValidations>
  <pageMargins left="0.7" right="0.7" top="0.75" bottom="0.75" header="0.3" footer="0.3"/>
  <pageSetup paperSize="9" scale="93" orientation="portrait" r:id="rId1"/>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K123"/>
  <sheetViews>
    <sheetView zoomScaleNormal="100" workbookViewId="0">
      <selection activeCell="F61" sqref="F61"/>
    </sheetView>
  </sheetViews>
  <sheetFormatPr defaultColWidth="3.5" defaultRowHeight="13.5" x14ac:dyDescent="0.15"/>
  <cols>
    <col min="1" max="1" width="1.25" style="160" customWidth="1"/>
    <col min="2" max="2" width="3" style="182" customWidth="1"/>
    <col min="3" max="6" width="3.5" style="160"/>
    <col min="7" max="7" width="1.5" style="160" customWidth="1"/>
    <col min="8" max="23" width="3.5" style="160"/>
    <col min="24" max="29" width="4" style="160" customWidth="1"/>
    <col min="30" max="30" width="1.25" style="160" customWidth="1"/>
    <col min="31" max="16384" width="3.5" style="160"/>
  </cols>
  <sheetData>
    <row r="1" spans="2:37" s="154" customFormat="1" x14ac:dyDescent="0.15">
      <c r="B1" s="290"/>
      <c r="C1" s="290"/>
      <c r="D1" s="290"/>
      <c r="E1" s="290"/>
    </row>
    <row r="2" spans="2:37" s="154" customFormat="1" x14ac:dyDescent="0.15">
      <c r="B2" s="290" t="s">
        <v>911</v>
      </c>
      <c r="C2" s="290"/>
      <c r="D2" s="290"/>
      <c r="E2" s="290"/>
    </row>
    <row r="3" spans="2:37" s="154" customFormat="1" x14ac:dyDescent="0.15">
      <c r="W3" s="155" t="s">
        <v>9</v>
      </c>
      <c r="X3" s="156"/>
      <c r="Y3" s="156" t="s">
        <v>10</v>
      </c>
      <c r="Z3" s="156"/>
      <c r="AA3" s="156" t="s">
        <v>80</v>
      </c>
      <c r="AB3" s="156"/>
      <c r="AC3" s="156" t="s">
        <v>81</v>
      </c>
    </row>
    <row r="4" spans="2:37" s="154" customFormat="1" x14ac:dyDescent="0.15">
      <c r="AC4" s="155"/>
    </row>
    <row r="5" spans="2:37" s="290" customFormat="1" ht="47.25" customHeight="1" x14ac:dyDescent="0.15">
      <c r="B5" s="439" t="s">
        <v>452</v>
      </c>
      <c r="C5" s="392"/>
      <c r="D5" s="392"/>
      <c r="E5" s="392"/>
      <c r="F5" s="392"/>
      <c r="G5" s="392"/>
      <c r="H5" s="392"/>
      <c r="I5" s="392"/>
      <c r="J5" s="392"/>
      <c r="K5" s="392"/>
      <c r="L5" s="392"/>
      <c r="M5" s="392"/>
      <c r="N5" s="392"/>
      <c r="O5" s="392"/>
      <c r="P5" s="392"/>
      <c r="Q5" s="392"/>
      <c r="R5" s="392"/>
      <c r="S5" s="392"/>
      <c r="T5" s="392"/>
      <c r="U5" s="392"/>
      <c r="V5" s="392"/>
      <c r="W5" s="392"/>
      <c r="X5" s="392"/>
      <c r="Y5" s="392"/>
      <c r="Z5" s="392"/>
      <c r="AA5" s="392"/>
      <c r="AB5" s="392"/>
      <c r="AC5" s="392"/>
    </row>
    <row r="6" spans="2:37" s="154" customFormat="1" x14ac:dyDescent="0.15"/>
    <row r="7" spans="2:37" s="154" customFormat="1" ht="27" customHeight="1" x14ac:dyDescent="0.15">
      <c r="B7" s="586" t="s">
        <v>361</v>
      </c>
      <c r="C7" s="586"/>
      <c r="D7" s="586"/>
      <c r="E7" s="586"/>
      <c r="F7" s="586"/>
      <c r="G7" s="587"/>
      <c r="H7" s="588"/>
      <c r="I7" s="588"/>
      <c r="J7" s="588"/>
      <c r="K7" s="588"/>
      <c r="L7" s="588"/>
      <c r="M7" s="588"/>
      <c r="N7" s="588"/>
      <c r="O7" s="588"/>
      <c r="P7" s="588"/>
      <c r="Q7" s="588"/>
      <c r="R7" s="588"/>
      <c r="S7" s="588"/>
      <c r="T7" s="588"/>
      <c r="U7" s="588"/>
      <c r="V7" s="588"/>
      <c r="W7" s="588"/>
      <c r="X7" s="588"/>
      <c r="Y7" s="588"/>
      <c r="Z7" s="588"/>
      <c r="AA7" s="588"/>
      <c r="AB7" s="588"/>
      <c r="AC7" s="589"/>
    </row>
    <row r="8" spans="2:37" ht="27" customHeight="1" x14ac:dyDescent="0.15">
      <c r="B8" s="584" t="s">
        <v>362</v>
      </c>
      <c r="C8" s="585"/>
      <c r="D8" s="585"/>
      <c r="E8" s="585"/>
      <c r="F8" s="590"/>
      <c r="G8" s="157"/>
      <c r="H8" s="108" t="s">
        <v>0</v>
      </c>
      <c r="I8" s="315" t="s">
        <v>87</v>
      </c>
      <c r="J8" s="315"/>
      <c r="K8" s="315"/>
      <c r="L8" s="315"/>
      <c r="M8" s="108" t="s">
        <v>0</v>
      </c>
      <c r="N8" s="315" t="s">
        <v>88</v>
      </c>
      <c r="O8" s="315"/>
      <c r="P8" s="315"/>
      <c r="Q8" s="315"/>
      <c r="R8" s="108" t="s">
        <v>0</v>
      </c>
      <c r="S8" s="315" t="s">
        <v>89</v>
      </c>
      <c r="T8" s="315"/>
      <c r="U8" s="158"/>
      <c r="V8" s="158"/>
      <c r="W8" s="158"/>
      <c r="X8" s="158"/>
      <c r="Y8" s="158"/>
      <c r="Z8" s="158"/>
      <c r="AA8" s="158"/>
      <c r="AB8" s="158"/>
      <c r="AC8" s="159"/>
    </row>
    <row r="9" spans="2:37" ht="27" customHeight="1" x14ac:dyDescent="0.15">
      <c r="B9" s="584" t="s">
        <v>453</v>
      </c>
      <c r="C9" s="585"/>
      <c r="D9" s="585"/>
      <c r="E9" s="585"/>
      <c r="F9" s="590"/>
      <c r="G9" s="157"/>
      <c r="H9" s="108" t="s">
        <v>0</v>
      </c>
      <c r="I9" s="315" t="s">
        <v>91</v>
      </c>
      <c r="J9" s="315"/>
      <c r="K9" s="315"/>
      <c r="L9" s="315"/>
      <c r="M9" s="315"/>
      <c r="N9" s="315"/>
      <c r="O9" s="315"/>
      <c r="P9" s="315"/>
      <c r="Q9" s="315"/>
      <c r="R9" s="108" t="s">
        <v>0</v>
      </c>
      <c r="S9" s="315" t="s">
        <v>235</v>
      </c>
      <c r="T9" s="315"/>
      <c r="U9" s="158"/>
      <c r="V9" s="158"/>
      <c r="W9" s="158"/>
      <c r="X9" s="158"/>
      <c r="Y9" s="158"/>
      <c r="Z9" s="158"/>
      <c r="AA9" s="158"/>
      <c r="AB9" s="158"/>
      <c r="AC9" s="159"/>
    </row>
    <row r="10" spans="2:37" ht="27" customHeight="1" x14ac:dyDescent="0.15">
      <c r="B10" s="584" t="s">
        <v>454</v>
      </c>
      <c r="C10" s="585"/>
      <c r="D10" s="585"/>
      <c r="E10" s="585"/>
      <c r="F10" s="585"/>
      <c r="G10" s="157"/>
      <c r="H10" s="108" t="s">
        <v>0</v>
      </c>
      <c r="I10" s="315" t="s">
        <v>455</v>
      </c>
      <c r="J10" s="315"/>
      <c r="K10" s="315"/>
      <c r="L10" s="315"/>
      <c r="M10" s="315"/>
      <c r="N10" s="315"/>
      <c r="O10" s="315"/>
      <c r="P10" s="315"/>
      <c r="Q10" s="315"/>
      <c r="R10" s="108" t="s">
        <v>0</v>
      </c>
      <c r="S10" s="315" t="s">
        <v>456</v>
      </c>
      <c r="T10" s="315"/>
      <c r="U10" s="158"/>
      <c r="V10" s="158"/>
      <c r="W10" s="158"/>
      <c r="X10" s="158"/>
      <c r="Y10" s="158"/>
      <c r="Z10" s="158"/>
      <c r="AA10" s="158"/>
      <c r="AB10" s="158"/>
      <c r="AC10" s="159"/>
    </row>
    <row r="11" spans="2:37" s="154" customFormat="1" x14ac:dyDescent="0.15"/>
    <row r="12" spans="2:37" s="154" customFormat="1" ht="10.5" customHeight="1" x14ac:dyDescent="0.15">
      <c r="B12" s="161"/>
      <c r="C12" s="162"/>
      <c r="D12" s="162"/>
      <c r="E12" s="162"/>
      <c r="F12" s="163"/>
      <c r="G12" s="162"/>
      <c r="H12" s="162"/>
      <c r="I12" s="162"/>
      <c r="J12" s="162"/>
      <c r="K12" s="162"/>
      <c r="L12" s="162"/>
      <c r="M12" s="162"/>
      <c r="N12" s="162"/>
      <c r="O12" s="162"/>
      <c r="P12" s="162"/>
      <c r="Q12" s="162"/>
      <c r="R12" s="162"/>
      <c r="S12" s="162"/>
      <c r="T12" s="162"/>
      <c r="U12" s="162"/>
      <c r="V12" s="162"/>
      <c r="W12" s="162"/>
      <c r="X12" s="162"/>
      <c r="Y12" s="162"/>
      <c r="Z12" s="162"/>
      <c r="AA12" s="161"/>
      <c r="AB12" s="162"/>
      <c r="AC12" s="163"/>
    </row>
    <row r="13" spans="2:37" s="154" customFormat="1" ht="40.5" customHeight="1" x14ac:dyDescent="0.15">
      <c r="B13" s="591" t="s">
        <v>457</v>
      </c>
      <c r="C13" s="592"/>
      <c r="D13" s="592"/>
      <c r="E13" s="592"/>
      <c r="F13" s="593"/>
      <c r="H13" s="592" t="s">
        <v>458</v>
      </c>
      <c r="I13" s="592"/>
      <c r="J13" s="592"/>
      <c r="K13" s="592"/>
      <c r="L13" s="592"/>
      <c r="M13" s="592"/>
      <c r="N13" s="592"/>
      <c r="O13" s="592"/>
      <c r="P13" s="592"/>
      <c r="Q13" s="592"/>
      <c r="R13" s="592"/>
      <c r="S13" s="592"/>
      <c r="T13" s="592"/>
      <c r="U13" s="592"/>
      <c r="V13" s="592"/>
      <c r="W13" s="592"/>
      <c r="X13" s="592"/>
      <c r="Y13" s="592"/>
      <c r="AA13" s="164"/>
      <c r="AC13" s="165"/>
      <c r="AK13" s="166"/>
    </row>
    <row r="14" spans="2:37" s="154" customFormat="1" ht="27" customHeight="1" x14ac:dyDescent="0.15">
      <c r="B14" s="591"/>
      <c r="C14" s="592"/>
      <c r="D14" s="592"/>
      <c r="E14" s="592"/>
      <c r="F14" s="593"/>
      <c r="V14" s="156"/>
      <c r="W14" s="156"/>
      <c r="X14" s="156"/>
      <c r="Y14" s="156"/>
      <c r="AA14" s="151" t="s">
        <v>94</v>
      </c>
      <c r="AB14" s="94" t="s">
        <v>95</v>
      </c>
      <c r="AC14" s="152" t="s">
        <v>96</v>
      </c>
      <c r="AK14" s="166"/>
    </row>
    <row r="15" spans="2:37" s="154" customFormat="1" ht="40.5" customHeight="1" x14ac:dyDescent="0.15">
      <c r="B15" s="591"/>
      <c r="C15" s="592"/>
      <c r="D15" s="592"/>
      <c r="E15" s="592"/>
      <c r="F15" s="593"/>
      <c r="H15" s="167" t="s">
        <v>180</v>
      </c>
      <c r="I15" s="594" t="s">
        <v>459</v>
      </c>
      <c r="J15" s="595"/>
      <c r="K15" s="595"/>
      <c r="L15" s="595"/>
      <c r="M15" s="595"/>
      <c r="N15" s="595"/>
      <c r="O15" s="595"/>
      <c r="P15" s="595"/>
      <c r="Q15" s="595"/>
      <c r="R15" s="596"/>
      <c r="S15" s="584"/>
      <c r="T15" s="585"/>
      <c r="U15" s="352" t="s">
        <v>181</v>
      </c>
      <c r="V15" s="156"/>
      <c r="W15" s="156"/>
      <c r="X15" s="156"/>
      <c r="Y15" s="156"/>
      <c r="AA15" s="91"/>
      <c r="AB15" s="272"/>
      <c r="AC15" s="88"/>
      <c r="AK15" s="166"/>
    </row>
    <row r="16" spans="2:37" s="154" customFormat="1" ht="40.5" customHeight="1" x14ac:dyDescent="0.15">
      <c r="B16" s="591"/>
      <c r="C16" s="592"/>
      <c r="D16" s="592"/>
      <c r="E16" s="592"/>
      <c r="F16" s="593"/>
      <c r="H16" s="167" t="s">
        <v>182</v>
      </c>
      <c r="I16" s="594" t="s">
        <v>460</v>
      </c>
      <c r="J16" s="595"/>
      <c r="K16" s="595"/>
      <c r="L16" s="595"/>
      <c r="M16" s="595"/>
      <c r="N16" s="595"/>
      <c r="O16" s="595"/>
      <c r="P16" s="595"/>
      <c r="Q16" s="595"/>
      <c r="R16" s="596"/>
      <c r="S16" s="584"/>
      <c r="T16" s="585"/>
      <c r="U16" s="352" t="s">
        <v>181</v>
      </c>
      <c r="V16" s="154" t="s">
        <v>184</v>
      </c>
      <c r="W16" s="597" t="s">
        <v>461</v>
      </c>
      <c r="X16" s="597"/>
      <c r="Y16" s="597"/>
      <c r="AA16" s="117" t="s">
        <v>0</v>
      </c>
      <c r="AB16" s="109" t="s">
        <v>95</v>
      </c>
      <c r="AC16" s="118" t="s">
        <v>0</v>
      </c>
      <c r="AK16" s="166"/>
    </row>
    <row r="17" spans="2:37" s="154" customFormat="1" ht="40.5" customHeight="1" x14ac:dyDescent="0.15">
      <c r="B17" s="591"/>
      <c r="C17" s="592"/>
      <c r="D17" s="592"/>
      <c r="E17" s="592"/>
      <c r="F17" s="593"/>
      <c r="H17" s="167" t="s">
        <v>264</v>
      </c>
      <c r="I17" s="594" t="s">
        <v>462</v>
      </c>
      <c r="J17" s="595"/>
      <c r="K17" s="595"/>
      <c r="L17" s="595"/>
      <c r="M17" s="595"/>
      <c r="N17" s="595"/>
      <c r="O17" s="595"/>
      <c r="P17" s="595"/>
      <c r="Q17" s="595"/>
      <c r="R17" s="596"/>
      <c r="S17" s="584"/>
      <c r="T17" s="585"/>
      <c r="U17" s="352" t="s">
        <v>181</v>
      </c>
      <c r="V17" s="154" t="s">
        <v>184</v>
      </c>
      <c r="W17" s="597" t="s">
        <v>463</v>
      </c>
      <c r="X17" s="597"/>
      <c r="Y17" s="597"/>
      <c r="AA17" s="117" t="s">
        <v>0</v>
      </c>
      <c r="AB17" s="109" t="s">
        <v>95</v>
      </c>
      <c r="AC17" s="118" t="s">
        <v>0</v>
      </c>
      <c r="AK17" s="166"/>
    </row>
    <row r="18" spans="2:37" s="154" customFormat="1" ht="40.5" customHeight="1" x14ac:dyDescent="0.15">
      <c r="B18" s="350"/>
      <c r="C18" s="348"/>
      <c r="D18" s="348"/>
      <c r="E18" s="348"/>
      <c r="F18" s="351"/>
      <c r="H18" s="167" t="s">
        <v>266</v>
      </c>
      <c r="I18" s="594" t="s">
        <v>464</v>
      </c>
      <c r="J18" s="595"/>
      <c r="K18" s="595"/>
      <c r="L18" s="595"/>
      <c r="M18" s="595"/>
      <c r="N18" s="595"/>
      <c r="O18" s="595"/>
      <c r="P18" s="595"/>
      <c r="Q18" s="595"/>
      <c r="R18" s="596"/>
      <c r="S18" s="584"/>
      <c r="T18" s="585"/>
      <c r="U18" s="352" t="s">
        <v>181</v>
      </c>
      <c r="W18" s="349"/>
      <c r="X18" s="349"/>
      <c r="Y18" s="349"/>
      <c r="AA18" s="168"/>
      <c r="AB18" s="169"/>
      <c r="AC18" s="170"/>
      <c r="AK18" s="166"/>
    </row>
    <row r="19" spans="2:37" s="154" customFormat="1" ht="40.5" customHeight="1" x14ac:dyDescent="0.15">
      <c r="B19" s="171"/>
      <c r="C19" s="172"/>
      <c r="D19" s="172"/>
      <c r="E19" s="172"/>
      <c r="F19" s="173"/>
      <c r="H19" s="167" t="s">
        <v>273</v>
      </c>
      <c r="I19" s="594" t="s">
        <v>465</v>
      </c>
      <c r="J19" s="595"/>
      <c r="K19" s="595"/>
      <c r="L19" s="595"/>
      <c r="M19" s="595"/>
      <c r="N19" s="595"/>
      <c r="O19" s="595"/>
      <c r="P19" s="595"/>
      <c r="Q19" s="595"/>
      <c r="R19" s="596"/>
      <c r="S19" s="584"/>
      <c r="T19" s="585"/>
      <c r="U19" s="352" t="s">
        <v>181</v>
      </c>
      <c r="V19" s="154" t="s">
        <v>184</v>
      </c>
      <c r="W19" s="597" t="s">
        <v>466</v>
      </c>
      <c r="X19" s="597"/>
      <c r="Y19" s="597"/>
      <c r="AA19" s="117" t="s">
        <v>0</v>
      </c>
      <c r="AB19" s="109" t="s">
        <v>95</v>
      </c>
      <c r="AC19" s="118" t="s">
        <v>0</v>
      </c>
      <c r="AK19" s="166"/>
    </row>
    <row r="20" spans="2:37" s="154" customFormat="1" x14ac:dyDescent="0.15">
      <c r="B20" s="171"/>
      <c r="C20" s="172"/>
      <c r="D20" s="172"/>
      <c r="E20" s="172"/>
      <c r="F20" s="173"/>
      <c r="H20" s="169"/>
      <c r="I20" s="174"/>
      <c r="J20" s="174"/>
      <c r="K20" s="174"/>
      <c r="L20" s="174"/>
      <c r="M20" s="174"/>
      <c r="N20" s="174"/>
      <c r="O20" s="174"/>
      <c r="P20" s="174"/>
      <c r="Q20" s="174"/>
      <c r="R20" s="174"/>
      <c r="U20" s="156"/>
      <c r="W20" s="349"/>
      <c r="X20" s="349"/>
      <c r="Y20" s="349"/>
      <c r="AA20" s="168"/>
      <c r="AB20" s="169"/>
      <c r="AC20" s="170"/>
      <c r="AK20" s="166"/>
    </row>
    <row r="21" spans="2:37" s="154" customFormat="1" x14ac:dyDescent="0.15">
      <c r="B21" s="171"/>
      <c r="C21" s="172"/>
      <c r="D21" s="172"/>
      <c r="E21" s="172"/>
      <c r="F21" s="173"/>
      <c r="H21" s="175" t="s">
        <v>467</v>
      </c>
      <c r="I21" s="174"/>
      <c r="J21" s="174"/>
      <c r="K21" s="174"/>
      <c r="L21" s="174"/>
      <c r="M21" s="174"/>
      <c r="N21" s="174"/>
      <c r="O21" s="174"/>
      <c r="P21" s="174"/>
      <c r="Q21" s="174"/>
      <c r="R21" s="174"/>
      <c r="U21" s="156"/>
      <c r="W21" s="349"/>
      <c r="X21" s="349"/>
      <c r="Y21" s="349"/>
      <c r="AA21" s="168"/>
      <c r="AB21" s="169"/>
      <c r="AC21" s="170"/>
      <c r="AK21" s="166"/>
    </row>
    <row r="22" spans="2:37" s="154" customFormat="1" ht="58.5" customHeight="1" x14ac:dyDescent="0.15">
      <c r="B22" s="171"/>
      <c r="C22" s="172"/>
      <c r="D22" s="172"/>
      <c r="E22" s="172"/>
      <c r="F22" s="173"/>
      <c r="H22" s="598" t="s">
        <v>468</v>
      </c>
      <c r="I22" s="599"/>
      <c r="J22" s="599"/>
      <c r="K22" s="599"/>
      <c r="L22" s="600"/>
      <c r="M22" s="176" t="s">
        <v>469</v>
      </c>
      <c r="N22" s="177"/>
      <c r="O22" s="177"/>
      <c r="P22" s="601"/>
      <c r="Q22" s="601"/>
      <c r="R22" s="601"/>
      <c r="S22" s="601"/>
      <c r="T22" s="601"/>
      <c r="U22" s="352" t="s">
        <v>181</v>
      </c>
      <c r="V22" s="154" t="s">
        <v>184</v>
      </c>
      <c r="W22" s="597" t="s">
        <v>470</v>
      </c>
      <c r="X22" s="597"/>
      <c r="Y22" s="597"/>
      <c r="AA22" s="117" t="s">
        <v>0</v>
      </c>
      <c r="AB22" s="109" t="s">
        <v>95</v>
      </c>
      <c r="AC22" s="118" t="s">
        <v>0</v>
      </c>
      <c r="AK22" s="166"/>
    </row>
    <row r="23" spans="2:37" s="154" customFormat="1" x14ac:dyDescent="0.15">
      <c r="B23" s="178"/>
      <c r="C23" s="179"/>
      <c r="D23" s="179"/>
      <c r="E23" s="179"/>
      <c r="F23" s="180"/>
      <c r="G23" s="179"/>
      <c r="H23" s="179"/>
      <c r="I23" s="179"/>
      <c r="J23" s="179"/>
      <c r="K23" s="179"/>
      <c r="L23" s="179"/>
      <c r="M23" s="179"/>
      <c r="N23" s="179"/>
      <c r="O23" s="179"/>
      <c r="P23" s="179"/>
      <c r="Q23" s="179"/>
      <c r="R23" s="179"/>
      <c r="S23" s="179"/>
      <c r="T23" s="179"/>
      <c r="U23" s="179"/>
      <c r="V23" s="179"/>
      <c r="W23" s="179"/>
      <c r="X23" s="179"/>
      <c r="Y23" s="179"/>
      <c r="Z23" s="179"/>
      <c r="AA23" s="178"/>
      <c r="AB23" s="179"/>
      <c r="AC23" s="180"/>
    </row>
    <row r="24" spans="2:37" s="290" customFormat="1" ht="38.25" customHeight="1" x14ac:dyDescent="0.15">
      <c r="B24" s="455" t="s">
        <v>471</v>
      </c>
      <c r="C24" s="455"/>
      <c r="D24" s="455"/>
      <c r="E24" s="455"/>
      <c r="F24" s="455"/>
      <c r="G24" s="455"/>
      <c r="H24" s="455"/>
      <c r="I24" s="455"/>
      <c r="J24" s="455"/>
      <c r="K24" s="455"/>
      <c r="L24" s="455"/>
      <c r="M24" s="455"/>
      <c r="N24" s="455"/>
      <c r="O24" s="455"/>
      <c r="P24" s="455"/>
      <c r="Q24" s="455"/>
      <c r="R24" s="455"/>
      <c r="S24" s="455"/>
      <c r="T24" s="455"/>
      <c r="U24" s="455"/>
      <c r="V24" s="455"/>
      <c r="W24" s="455"/>
      <c r="X24" s="455"/>
      <c r="Y24" s="455"/>
      <c r="Z24" s="455"/>
      <c r="AA24" s="455"/>
      <c r="AB24" s="455"/>
      <c r="AC24" s="455"/>
    </row>
    <row r="25" spans="2:37" s="154" customFormat="1" ht="47.25" customHeight="1" x14ac:dyDescent="0.15">
      <c r="B25" s="592" t="s">
        <v>472</v>
      </c>
      <c r="C25" s="592"/>
      <c r="D25" s="592"/>
      <c r="E25" s="592"/>
      <c r="F25" s="592"/>
      <c r="G25" s="592"/>
      <c r="H25" s="592"/>
      <c r="I25" s="592"/>
      <c r="J25" s="592"/>
      <c r="K25" s="592"/>
      <c r="L25" s="592"/>
      <c r="M25" s="592"/>
      <c r="N25" s="592"/>
      <c r="O25" s="592"/>
      <c r="P25" s="592"/>
      <c r="Q25" s="592"/>
      <c r="R25" s="592"/>
      <c r="S25" s="592"/>
      <c r="T25" s="592"/>
      <c r="U25" s="592"/>
      <c r="V25" s="592"/>
      <c r="W25" s="592"/>
      <c r="X25" s="592"/>
      <c r="Y25" s="592"/>
      <c r="Z25" s="592"/>
      <c r="AA25" s="592"/>
      <c r="AB25" s="592"/>
      <c r="AC25" s="592"/>
    </row>
    <row r="26" spans="2:37" s="154" customFormat="1" x14ac:dyDescent="0.15">
      <c r="B26" s="181"/>
      <c r="C26" s="181"/>
      <c r="D26" s="181"/>
      <c r="E26" s="181"/>
      <c r="F26" s="181"/>
      <c r="G26" s="181"/>
      <c r="H26" s="181"/>
      <c r="I26" s="181"/>
      <c r="J26" s="181"/>
      <c r="K26" s="181"/>
      <c r="L26" s="181"/>
      <c r="M26" s="181"/>
      <c r="N26" s="181"/>
      <c r="O26" s="181"/>
      <c r="P26" s="181"/>
      <c r="Q26" s="181"/>
      <c r="R26" s="181"/>
      <c r="S26" s="181"/>
      <c r="T26" s="181"/>
      <c r="U26" s="181"/>
      <c r="V26" s="181"/>
      <c r="W26" s="181"/>
      <c r="X26" s="181"/>
      <c r="Y26" s="181"/>
      <c r="Z26" s="181"/>
      <c r="AA26" s="181"/>
      <c r="AB26" s="181"/>
      <c r="AC26" s="181"/>
    </row>
    <row r="27" spans="2:37" s="181" customFormat="1" x14ac:dyDescent="0.15"/>
    <row r="38" spans="3:32" x14ac:dyDescent="0.15">
      <c r="C38" s="367"/>
      <c r="D38" s="367"/>
      <c r="E38" s="367"/>
      <c r="F38" s="367"/>
      <c r="G38" s="367"/>
      <c r="H38" s="367"/>
      <c r="I38" s="367"/>
      <c r="J38" s="367"/>
      <c r="K38" s="367"/>
      <c r="L38" s="367"/>
      <c r="M38" s="367"/>
      <c r="N38" s="367"/>
      <c r="O38" s="367"/>
      <c r="P38" s="367"/>
      <c r="Q38" s="367"/>
      <c r="R38" s="367"/>
      <c r="S38" s="367"/>
      <c r="T38" s="367"/>
      <c r="U38" s="367"/>
      <c r="V38" s="367"/>
      <c r="W38" s="367"/>
      <c r="X38" s="367"/>
      <c r="Y38" s="367"/>
      <c r="Z38" s="367"/>
      <c r="AA38" s="367"/>
      <c r="AB38" s="367"/>
      <c r="AC38" s="367"/>
      <c r="AD38" s="367"/>
      <c r="AE38" s="367"/>
      <c r="AF38" s="367"/>
    </row>
    <row r="39" spans="3:32" x14ac:dyDescent="0.15">
      <c r="C39" s="368"/>
    </row>
    <row r="122" spans="3:7" x14ac:dyDescent="0.15">
      <c r="C122" s="367"/>
      <c r="D122" s="367"/>
      <c r="E122" s="367"/>
      <c r="F122" s="367"/>
      <c r="G122" s="367"/>
    </row>
    <row r="123" spans="3:7" x14ac:dyDescent="0.15">
      <c r="C123" s="368"/>
    </row>
  </sheetData>
  <mergeCells count="26">
    <mergeCell ref="B24:AC24"/>
    <mergeCell ref="B25:AC25"/>
    <mergeCell ref="I18:R18"/>
    <mergeCell ref="S18:T18"/>
    <mergeCell ref="I19:R19"/>
    <mergeCell ref="S19:T19"/>
    <mergeCell ref="W19:Y19"/>
    <mergeCell ref="H22:L22"/>
    <mergeCell ref="P22:T22"/>
    <mergeCell ref="W22:Y22"/>
    <mergeCell ref="B13:F17"/>
    <mergeCell ref="H13:Y13"/>
    <mergeCell ref="I15:R15"/>
    <mergeCell ref="S15:T15"/>
    <mergeCell ref="I16:R16"/>
    <mergeCell ref="S16:T16"/>
    <mergeCell ref="W16:Y16"/>
    <mergeCell ref="I17:R17"/>
    <mergeCell ref="S17:T17"/>
    <mergeCell ref="W17:Y17"/>
    <mergeCell ref="B10:F10"/>
    <mergeCell ref="B5:AC5"/>
    <mergeCell ref="B7:F7"/>
    <mergeCell ref="G7:AC7"/>
    <mergeCell ref="B8:F8"/>
    <mergeCell ref="B9:F9"/>
  </mergeCells>
  <phoneticPr fontId="1"/>
  <dataValidations count="1">
    <dataValidation type="list" allowBlank="1" showInputMessage="1" showErrorMessage="1" sqref="H8:H10 M8 R8:R10 AA16:AA17 AC16:AC17 AA19 AC19 AA22 AC22">
      <formula1>"□,■"</formula1>
    </dataValidation>
  </dataValidations>
  <pageMargins left="0.7" right="0.7" top="0.75" bottom="0.75" header="0.3" footer="0.3"/>
  <pageSetup paperSize="9" scale="88" orientation="portrait" r:id="rId1"/>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H123"/>
  <sheetViews>
    <sheetView zoomScaleNormal="100" workbookViewId="0">
      <selection activeCell="F61" sqref="F61"/>
    </sheetView>
  </sheetViews>
  <sheetFormatPr defaultColWidth="3.5" defaultRowHeight="13.5" x14ac:dyDescent="0.15"/>
  <cols>
    <col min="1" max="1" width="1.25" style="3" customWidth="1"/>
    <col min="2" max="2" width="3" style="302" customWidth="1"/>
    <col min="3" max="6" width="3.5" style="3"/>
    <col min="7" max="7" width="1.5" style="3" customWidth="1"/>
    <col min="8" max="27" width="3.5" style="3"/>
    <col min="28" max="29" width="4" style="3" customWidth="1"/>
    <col min="30" max="30" width="7.5" style="3" customWidth="1"/>
    <col min="31" max="33" width="4" style="3" customWidth="1"/>
    <col min="34" max="34" width="1.25" style="3" customWidth="1"/>
    <col min="35" max="16384" width="3.5" style="3"/>
  </cols>
  <sheetData>
    <row r="1" spans="2:33" s="290" customFormat="1" x14ac:dyDescent="0.15"/>
    <row r="2" spans="2:33" s="290" customFormat="1" x14ac:dyDescent="0.15">
      <c r="B2" s="290" t="s">
        <v>912</v>
      </c>
    </row>
    <row r="3" spans="2:33" s="290" customFormat="1" x14ac:dyDescent="0.15">
      <c r="AA3" s="283" t="s">
        <v>9</v>
      </c>
      <c r="AB3" s="272"/>
      <c r="AC3" s="272" t="s">
        <v>10</v>
      </c>
      <c r="AD3" s="272"/>
      <c r="AE3" s="272" t="s">
        <v>80</v>
      </c>
      <c r="AF3" s="272"/>
      <c r="AG3" s="272" t="s">
        <v>81</v>
      </c>
    </row>
    <row r="4" spans="2:33" s="290" customFormat="1" x14ac:dyDescent="0.15">
      <c r="AG4" s="283"/>
    </row>
    <row r="5" spans="2:33" s="290" customFormat="1" ht="24.75" customHeight="1" x14ac:dyDescent="0.15">
      <c r="B5" s="439" t="s">
        <v>473</v>
      </c>
      <c r="C5" s="392"/>
      <c r="D5" s="392"/>
      <c r="E5" s="392"/>
      <c r="F5" s="392"/>
      <c r="G5" s="392"/>
      <c r="H5" s="392"/>
      <c r="I5" s="392"/>
      <c r="J5" s="392"/>
      <c r="K5" s="392"/>
      <c r="L5" s="392"/>
      <c r="M5" s="392"/>
      <c r="N5" s="392"/>
      <c r="O5" s="392"/>
      <c r="P5" s="392"/>
      <c r="Q5" s="392"/>
      <c r="R5" s="392"/>
      <c r="S5" s="392"/>
      <c r="T5" s="392"/>
      <c r="U5" s="392"/>
      <c r="V5" s="392"/>
      <c r="W5" s="392"/>
      <c r="X5" s="392"/>
      <c r="Y5" s="392"/>
      <c r="Z5" s="392"/>
      <c r="AA5" s="392"/>
      <c r="AB5" s="392"/>
      <c r="AC5" s="392"/>
      <c r="AD5" s="392"/>
      <c r="AE5" s="392"/>
      <c r="AF5" s="392"/>
      <c r="AG5" s="392"/>
    </row>
    <row r="6" spans="2:33" s="290" customFormat="1" x14ac:dyDescent="0.15"/>
    <row r="7" spans="2:33" s="290" customFormat="1" ht="27" customHeight="1" x14ac:dyDescent="0.15">
      <c r="B7" s="393" t="s">
        <v>361</v>
      </c>
      <c r="C7" s="393"/>
      <c r="D7" s="393"/>
      <c r="E7" s="393"/>
      <c r="F7" s="393"/>
      <c r="G7" s="394"/>
      <c r="H7" s="395"/>
      <c r="I7" s="395"/>
      <c r="J7" s="395"/>
      <c r="K7" s="395"/>
      <c r="L7" s="395"/>
      <c r="M7" s="395"/>
      <c r="N7" s="395"/>
      <c r="O7" s="395"/>
      <c r="P7" s="395"/>
      <c r="Q7" s="395"/>
      <c r="R7" s="395"/>
      <c r="S7" s="395"/>
      <c r="T7" s="395"/>
      <c r="U7" s="395"/>
      <c r="V7" s="395"/>
      <c r="W7" s="395"/>
      <c r="X7" s="395"/>
      <c r="Y7" s="395"/>
      <c r="Z7" s="395"/>
      <c r="AA7" s="395"/>
      <c r="AB7" s="395"/>
      <c r="AC7" s="395"/>
      <c r="AD7" s="395"/>
      <c r="AE7" s="395"/>
      <c r="AF7" s="395"/>
      <c r="AG7" s="396"/>
    </row>
    <row r="8" spans="2:33" ht="27" customHeight="1" x14ac:dyDescent="0.15">
      <c r="B8" s="398" t="s">
        <v>362</v>
      </c>
      <c r="C8" s="399"/>
      <c r="D8" s="399"/>
      <c r="E8" s="399"/>
      <c r="F8" s="400"/>
      <c r="G8" s="314"/>
      <c r="H8" s="108" t="s">
        <v>0</v>
      </c>
      <c r="I8" s="315" t="s">
        <v>87</v>
      </c>
      <c r="J8" s="315"/>
      <c r="K8" s="315"/>
      <c r="L8" s="315"/>
      <c r="M8" s="108" t="s">
        <v>0</v>
      </c>
      <c r="N8" s="315" t="s">
        <v>88</v>
      </c>
      <c r="O8" s="315"/>
      <c r="P8" s="315"/>
      <c r="Q8" s="315"/>
      <c r="R8" s="108" t="s">
        <v>0</v>
      </c>
      <c r="S8" s="315" t="s">
        <v>89</v>
      </c>
      <c r="T8" s="315"/>
      <c r="U8" s="315"/>
      <c r="V8" s="315"/>
      <c r="W8" s="315"/>
      <c r="X8" s="315"/>
      <c r="Y8" s="315"/>
      <c r="Z8" s="315"/>
      <c r="AA8" s="315"/>
      <c r="AB8" s="315"/>
      <c r="AC8" s="315"/>
      <c r="AD8" s="315"/>
      <c r="AE8" s="315"/>
      <c r="AF8" s="315"/>
      <c r="AG8" s="321"/>
    </row>
    <row r="9" spans="2:33" ht="27" customHeight="1" x14ac:dyDescent="0.15">
      <c r="B9" s="398" t="s">
        <v>453</v>
      </c>
      <c r="C9" s="399"/>
      <c r="D9" s="399"/>
      <c r="E9" s="399"/>
      <c r="F9" s="400"/>
      <c r="G9" s="314"/>
      <c r="H9" s="108" t="s">
        <v>0</v>
      </c>
      <c r="I9" s="315" t="s">
        <v>91</v>
      </c>
      <c r="J9" s="315"/>
      <c r="K9" s="315"/>
      <c r="L9" s="315"/>
      <c r="M9" s="315"/>
      <c r="N9" s="315"/>
      <c r="O9" s="315"/>
      <c r="P9" s="315"/>
      <c r="Q9" s="315"/>
      <c r="R9" s="108" t="s">
        <v>0</v>
      </c>
      <c r="S9" s="315" t="s">
        <v>235</v>
      </c>
      <c r="T9" s="315"/>
      <c r="U9" s="317"/>
      <c r="V9" s="315"/>
      <c r="W9" s="315"/>
      <c r="X9" s="315"/>
      <c r="Y9" s="315"/>
      <c r="Z9" s="315"/>
      <c r="AA9" s="315"/>
      <c r="AB9" s="315"/>
      <c r="AC9" s="315"/>
      <c r="AD9" s="315"/>
      <c r="AE9" s="315"/>
      <c r="AF9" s="315"/>
      <c r="AG9" s="321"/>
    </row>
    <row r="10" spans="2:33" ht="27" customHeight="1" x14ac:dyDescent="0.15">
      <c r="B10" s="398" t="s">
        <v>454</v>
      </c>
      <c r="C10" s="399"/>
      <c r="D10" s="399"/>
      <c r="E10" s="399"/>
      <c r="F10" s="399"/>
      <c r="G10" s="314"/>
      <c r="H10" s="108" t="s">
        <v>0</v>
      </c>
      <c r="I10" s="315" t="s">
        <v>455</v>
      </c>
      <c r="J10" s="315"/>
      <c r="K10" s="315"/>
      <c r="L10" s="315"/>
      <c r="M10" s="315"/>
      <c r="N10" s="315"/>
      <c r="O10" s="315"/>
      <c r="P10" s="315"/>
      <c r="Q10" s="315"/>
      <c r="R10" s="108" t="s">
        <v>0</v>
      </c>
      <c r="S10" s="315" t="s">
        <v>456</v>
      </c>
      <c r="T10" s="315"/>
      <c r="U10" s="315"/>
      <c r="V10" s="315"/>
      <c r="W10" s="315"/>
      <c r="X10" s="315"/>
      <c r="Y10" s="315"/>
      <c r="Z10" s="315"/>
      <c r="AA10" s="315"/>
      <c r="AB10" s="315"/>
      <c r="AC10" s="315"/>
      <c r="AD10" s="315"/>
      <c r="AE10" s="315"/>
      <c r="AF10" s="315"/>
      <c r="AG10" s="321"/>
    </row>
    <row r="11" spans="2:33" s="290" customFormat="1" x14ac:dyDescent="0.15"/>
    <row r="12" spans="2:33" s="290" customFormat="1" ht="10.5" customHeight="1" x14ac:dyDescent="0.15">
      <c r="B12" s="296"/>
      <c r="C12" s="297"/>
      <c r="D12" s="297"/>
      <c r="E12" s="297"/>
      <c r="F12" s="298"/>
      <c r="G12" s="297"/>
      <c r="H12" s="297"/>
      <c r="I12" s="297"/>
      <c r="J12" s="297"/>
      <c r="K12" s="297"/>
      <c r="L12" s="297"/>
      <c r="M12" s="297"/>
      <c r="N12" s="297"/>
      <c r="O12" s="297"/>
      <c r="P12" s="297"/>
      <c r="Q12" s="297"/>
      <c r="R12" s="297"/>
      <c r="S12" s="297"/>
      <c r="T12" s="297"/>
      <c r="U12" s="297"/>
      <c r="V12" s="297"/>
      <c r="W12" s="297"/>
      <c r="X12" s="297"/>
      <c r="Y12" s="297"/>
      <c r="Z12" s="297"/>
      <c r="AA12" s="297"/>
      <c r="AB12" s="297"/>
      <c r="AC12" s="297"/>
      <c r="AD12" s="297"/>
      <c r="AE12" s="296"/>
      <c r="AF12" s="297"/>
      <c r="AG12" s="298"/>
    </row>
    <row r="13" spans="2:33" s="290" customFormat="1" ht="40.5" customHeight="1" x14ac:dyDescent="0.15">
      <c r="B13" s="457" t="s">
        <v>457</v>
      </c>
      <c r="C13" s="407"/>
      <c r="D13" s="407"/>
      <c r="E13" s="407"/>
      <c r="F13" s="458"/>
      <c r="H13" s="407" t="s">
        <v>474</v>
      </c>
      <c r="I13" s="407"/>
      <c r="J13" s="407"/>
      <c r="K13" s="407"/>
      <c r="L13" s="407"/>
      <c r="M13" s="407"/>
      <c r="N13" s="407"/>
      <c r="O13" s="407"/>
      <c r="P13" s="407"/>
      <c r="Q13" s="407"/>
      <c r="R13" s="407"/>
      <c r="S13" s="407"/>
      <c r="T13" s="407"/>
      <c r="U13" s="407"/>
      <c r="V13" s="407"/>
      <c r="W13" s="407"/>
      <c r="X13" s="407"/>
      <c r="Y13" s="407"/>
      <c r="Z13" s="407"/>
      <c r="AA13" s="407"/>
      <c r="AB13" s="407"/>
      <c r="AC13" s="407"/>
      <c r="AE13" s="295"/>
      <c r="AG13" s="294"/>
    </row>
    <row r="14" spans="2:33" s="290" customFormat="1" ht="27" customHeight="1" x14ac:dyDescent="0.15">
      <c r="B14" s="457"/>
      <c r="C14" s="407"/>
      <c r="D14" s="407"/>
      <c r="E14" s="407"/>
      <c r="F14" s="458"/>
      <c r="Z14" s="272"/>
      <c r="AA14" s="272"/>
      <c r="AB14" s="272"/>
      <c r="AC14" s="272"/>
      <c r="AE14" s="151" t="s">
        <v>94</v>
      </c>
      <c r="AF14" s="94" t="s">
        <v>95</v>
      </c>
      <c r="AG14" s="152" t="s">
        <v>96</v>
      </c>
    </row>
    <row r="15" spans="2:33" s="290" customFormat="1" ht="30" customHeight="1" x14ac:dyDescent="0.15">
      <c r="B15" s="457"/>
      <c r="C15" s="407"/>
      <c r="D15" s="407"/>
      <c r="E15" s="407"/>
      <c r="F15" s="458"/>
      <c r="H15" s="331" t="s">
        <v>180</v>
      </c>
      <c r="I15" s="602" t="s">
        <v>459</v>
      </c>
      <c r="J15" s="603"/>
      <c r="K15" s="603"/>
      <c r="L15" s="603"/>
      <c r="M15" s="603"/>
      <c r="N15" s="603"/>
      <c r="O15" s="603"/>
      <c r="P15" s="603"/>
      <c r="Q15" s="603"/>
      <c r="R15" s="603"/>
      <c r="S15" s="603"/>
      <c r="T15" s="603"/>
      <c r="U15" s="603"/>
      <c r="V15" s="604"/>
      <c r="W15" s="398"/>
      <c r="X15" s="399"/>
      <c r="Y15" s="251" t="s">
        <v>181</v>
      </c>
      <c r="Z15" s="272"/>
      <c r="AA15" s="272"/>
      <c r="AB15" s="272"/>
      <c r="AC15" s="272"/>
      <c r="AE15" s="295"/>
      <c r="AG15" s="294"/>
    </row>
    <row r="16" spans="2:33" s="290" customFormat="1" ht="30" customHeight="1" x14ac:dyDescent="0.15">
      <c r="B16" s="457"/>
      <c r="C16" s="407"/>
      <c r="D16" s="407"/>
      <c r="E16" s="407"/>
      <c r="F16" s="458"/>
      <c r="H16" s="331" t="s">
        <v>182</v>
      </c>
      <c r="I16" s="602" t="s">
        <v>475</v>
      </c>
      <c r="J16" s="603"/>
      <c r="K16" s="603"/>
      <c r="L16" s="603"/>
      <c r="M16" s="603"/>
      <c r="N16" s="603"/>
      <c r="O16" s="603"/>
      <c r="P16" s="603"/>
      <c r="Q16" s="603"/>
      <c r="R16" s="603"/>
      <c r="S16" s="603"/>
      <c r="T16" s="603"/>
      <c r="U16" s="603"/>
      <c r="V16" s="604"/>
      <c r="W16" s="398"/>
      <c r="X16" s="399"/>
      <c r="Y16" s="251" t="s">
        <v>181</v>
      </c>
      <c r="Z16" s="290" t="s">
        <v>184</v>
      </c>
      <c r="AA16" s="605" t="s">
        <v>476</v>
      </c>
      <c r="AB16" s="605"/>
      <c r="AC16" s="605"/>
      <c r="AE16" s="117" t="s">
        <v>0</v>
      </c>
      <c r="AF16" s="109" t="s">
        <v>95</v>
      </c>
      <c r="AG16" s="118" t="s">
        <v>0</v>
      </c>
    </row>
    <row r="17" spans="2:33" s="290" customFormat="1" ht="30" customHeight="1" x14ac:dyDescent="0.15">
      <c r="B17" s="457"/>
      <c r="C17" s="407"/>
      <c r="D17" s="407"/>
      <c r="E17" s="407"/>
      <c r="F17" s="458"/>
      <c r="H17" s="331" t="s">
        <v>264</v>
      </c>
      <c r="I17" s="602" t="s">
        <v>477</v>
      </c>
      <c r="J17" s="603"/>
      <c r="K17" s="603"/>
      <c r="L17" s="603"/>
      <c r="M17" s="603"/>
      <c r="N17" s="603"/>
      <c r="O17" s="603"/>
      <c r="P17" s="603"/>
      <c r="Q17" s="603"/>
      <c r="R17" s="603"/>
      <c r="S17" s="603"/>
      <c r="T17" s="603"/>
      <c r="U17" s="603"/>
      <c r="V17" s="604"/>
      <c r="W17" s="398"/>
      <c r="X17" s="399"/>
      <c r="Y17" s="251" t="s">
        <v>181</v>
      </c>
      <c r="Z17" s="290" t="s">
        <v>184</v>
      </c>
      <c r="AA17" s="605" t="s">
        <v>478</v>
      </c>
      <c r="AB17" s="605"/>
      <c r="AC17" s="605"/>
      <c r="AE17" s="117" t="s">
        <v>0</v>
      </c>
      <c r="AF17" s="109" t="s">
        <v>95</v>
      </c>
      <c r="AG17" s="118" t="s">
        <v>0</v>
      </c>
    </row>
    <row r="18" spans="2:33" s="290" customFormat="1" ht="30" customHeight="1" x14ac:dyDescent="0.15">
      <c r="B18" s="273"/>
      <c r="C18" s="274"/>
      <c r="D18" s="274"/>
      <c r="E18" s="274"/>
      <c r="F18" s="275"/>
      <c r="H18" s="331" t="s">
        <v>266</v>
      </c>
      <c r="I18" s="602" t="s">
        <v>464</v>
      </c>
      <c r="J18" s="603"/>
      <c r="K18" s="603"/>
      <c r="L18" s="603"/>
      <c r="M18" s="603"/>
      <c r="N18" s="603"/>
      <c r="O18" s="603"/>
      <c r="P18" s="603"/>
      <c r="Q18" s="603"/>
      <c r="R18" s="603"/>
      <c r="S18" s="603"/>
      <c r="T18" s="603"/>
      <c r="U18" s="603"/>
      <c r="V18" s="604"/>
      <c r="W18" s="398"/>
      <c r="X18" s="399"/>
      <c r="Y18" s="251" t="s">
        <v>181</v>
      </c>
      <c r="AA18" s="281"/>
      <c r="AB18" s="281"/>
      <c r="AC18" s="281"/>
      <c r="AE18" s="338"/>
      <c r="AF18" s="335"/>
      <c r="AG18" s="149"/>
    </row>
    <row r="19" spans="2:33" s="290" customFormat="1" ht="40.5" customHeight="1" x14ac:dyDescent="0.15">
      <c r="B19" s="303"/>
      <c r="C19" s="289"/>
      <c r="D19" s="289"/>
      <c r="E19" s="289"/>
      <c r="F19" s="304"/>
      <c r="H19" s="331" t="s">
        <v>273</v>
      </c>
      <c r="I19" s="602" t="s">
        <v>479</v>
      </c>
      <c r="J19" s="603"/>
      <c r="K19" s="603"/>
      <c r="L19" s="603"/>
      <c r="M19" s="603"/>
      <c r="N19" s="603"/>
      <c r="O19" s="603"/>
      <c r="P19" s="603"/>
      <c r="Q19" s="603"/>
      <c r="R19" s="603"/>
      <c r="S19" s="603"/>
      <c r="T19" s="603"/>
      <c r="U19" s="603"/>
      <c r="V19" s="604"/>
      <c r="W19" s="398"/>
      <c r="X19" s="399"/>
      <c r="Y19" s="251" t="s">
        <v>181</v>
      </c>
      <c r="Z19" s="290" t="s">
        <v>184</v>
      </c>
      <c r="AA19" s="500" t="s">
        <v>466</v>
      </c>
      <c r="AB19" s="500"/>
      <c r="AC19" s="500"/>
      <c r="AE19" s="117" t="s">
        <v>0</v>
      </c>
      <c r="AF19" s="109" t="s">
        <v>95</v>
      </c>
      <c r="AG19" s="118" t="s">
        <v>0</v>
      </c>
    </row>
    <row r="20" spans="2:33" s="290" customFormat="1" ht="12" customHeight="1" x14ac:dyDescent="0.15">
      <c r="B20" s="303"/>
      <c r="C20" s="289"/>
      <c r="D20" s="289"/>
      <c r="E20" s="289"/>
      <c r="F20" s="304"/>
      <c r="H20" s="335"/>
      <c r="I20" s="102"/>
      <c r="J20" s="102"/>
      <c r="K20" s="102"/>
      <c r="L20" s="102"/>
      <c r="M20" s="102"/>
      <c r="N20" s="102"/>
      <c r="O20" s="102"/>
      <c r="P20" s="102"/>
      <c r="Q20" s="102"/>
      <c r="R20" s="102"/>
      <c r="S20" s="102"/>
      <c r="T20" s="102"/>
      <c r="U20" s="102"/>
      <c r="V20" s="102"/>
      <c r="Y20" s="272"/>
      <c r="AA20" s="281"/>
      <c r="AB20" s="281"/>
      <c r="AC20" s="281"/>
      <c r="AE20" s="338"/>
      <c r="AF20" s="335"/>
      <c r="AG20" s="149"/>
    </row>
    <row r="21" spans="2:33" s="290" customFormat="1" x14ac:dyDescent="0.15">
      <c r="B21" s="303"/>
      <c r="C21" s="289"/>
      <c r="D21" s="289"/>
      <c r="E21" s="289"/>
      <c r="F21" s="304"/>
      <c r="H21" s="344" t="s">
        <v>467</v>
      </c>
      <c r="I21" s="102"/>
      <c r="J21" s="102"/>
      <c r="K21" s="102"/>
      <c r="L21" s="102"/>
      <c r="M21" s="102"/>
      <c r="N21" s="102"/>
      <c r="O21" s="102"/>
      <c r="P21" s="102"/>
      <c r="Q21" s="102"/>
      <c r="R21" s="102"/>
      <c r="S21" s="102"/>
      <c r="T21" s="102"/>
      <c r="U21" s="102"/>
      <c r="V21" s="102"/>
      <c r="Y21" s="272"/>
      <c r="AA21" s="281"/>
      <c r="AB21" s="281"/>
      <c r="AC21" s="281"/>
      <c r="AE21" s="338"/>
      <c r="AF21" s="335"/>
      <c r="AG21" s="149"/>
    </row>
    <row r="22" spans="2:33" s="290" customFormat="1" ht="47.25" customHeight="1" x14ac:dyDescent="0.15">
      <c r="B22" s="295"/>
      <c r="G22" s="295"/>
      <c r="H22" s="606" t="s">
        <v>468</v>
      </c>
      <c r="I22" s="607"/>
      <c r="J22" s="607"/>
      <c r="K22" s="607"/>
      <c r="L22" s="608"/>
      <c r="M22" s="230" t="s">
        <v>469</v>
      </c>
      <c r="N22" s="328"/>
      <c r="O22" s="328"/>
      <c r="P22" s="609"/>
      <c r="Q22" s="609"/>
      <c r="R22" s="609"/>
      <c r="S22" s="609"/>
      <c r="T22" s="609"/>
      <c r="U22" s="609"/>
      <c r="V22" s="609"/>
      <c r="W22" s="609"/>
      <c r="X22" s="609"/>
      <c r="Y22" s="251" t="s">
        <v>181</v>
      </c>
      <c r="Z22" s="290" t="s">
        <v>184</v>
      </c>
      <c r="AA22" s="500" t="s">
        <v>480</v>
      </c>
      <c r="AB22" s="500"/>
      <c r="AC22" s="500"/>
      <c r="AD22" s="294"/>
      <c r="AE22" s="117" t="s">
        <v>0</v>
      </c>
      <c r="AF22" s="109" t="s">
        <v>95</v>
      </c>
      <c r="AG22" s="118" t="s">
        <v>0</v>
      </c>
    </row>
    <row r="23" spans="2:33" s="290" customFormat="1" ht="18.75" customHeight="1" x14ac:dyDescent="0.15">
      <c r="B23" s="268"/>
      <c r="C23" s="269"/>
      <c r="D23" s="269"/>
      <c r="E23" s="269"/>
      <c r="F23" s="269"/>
      <c r="G23" s="299"/>
      <c r="H23" s="334"/>
      <c r="I23" s="334"/>
      <c r="J23" s="334"/>
      <c r="K23" s="334"/>
      <c r="L23" s="334"/>
      <c r="M23" s="230"/>
      <c r="N23" s="328"/>
      <c r="O23" s="328"/>
      <c r="P23" s="328"/>
      <c r="Q23" s="328"/>
      <c r="R23" s="328"/>
      <c r="S23" s="328"/>
      <c r="T23" s="328"/>
      <c r="U23" s="328"/>
      <c r="V23" s="328"/>
      <c r="W23" s="286"/>
      <c r="X23" s="286"/>
      <c r="Y23" s="250"/>
      <c r="Z23" s="259"/>
      <c r="AA23" s="282"/>
      <c r="AB23" s="282"/>
      <c r="AC23" s="282"/>
      <c r="AD23" s="300"/>
      <c r="AE23" s="356"/>
      <c r="AF23" s="356"/>
      <c r="AG23" s="341"/>
    </row>
    <row r="24" spans="2:33" s="290" customFormat="1" ht="10.5" customHeight="1" x14ac:dyDescent="0.15">
      <c r="B24" s="267"/>
      <c r="C24" s="265"/>
      <c r="D24" s="265"/>
      <c r="E24" s="265"/>
      <c r="F24" s="266"/>
      <c r="G24" s="297"/>
      <c r="H24" s="150"/>
      <c r="I24" s="150"/>
      <c r="J24" s="150"/>
      <c r="K24" s="150"/>
      <c r="L24" s="150"/>
      <c r="M24" s="231"/>
      <c r="N24" s="319"/>
      <c r="O24" s="319"/>
      <c r="P24" s="319"/>
      <c r="Q24" s="319"/>
      <c r="R24" s="319"/>
      <c r="S24" s="319"/>
      <c r="T24" s="319"/>
      <c r="U24" s="319"/>
      <c r="V24" s="319"/>
      <c r="W24" s="297"/>
      <c r="X24" s="297"/>
      <c r="Y24" s="253"/>
      <c r="Z24" s="297"/>
      <c r="AA24" s="280"/>
      <c r="AB24" s="280"/>
      <c r="AC24" s="280"/>
      <c r="AD24" s="297"/>
      <c r="AE24" s="232"/>
      <c r="AF24" s="150"/>
      <c r="AG24" s="183"/>
    </row>
    <row r="25" spans="2:33" s="290" customFormat="1" ht="18.75" customHeight="1" x14ac:dyDescent="0.15">
      <c r="B25" s="273"/>
      <c r="C25" s="274"/>
      <c r="D25" s="274"/>
      <c r="E25" s="274"/>
      <c r="F25" s="275"/>
      <c r="H25" s="344" t="s">
        <v>481</v>
      </c>
      <c r="I25" s="335"/>
      <c r="J25" s="335"/>
      <c r="K25" s="335"/>
      <c r="L25" s="335"/>
      <c r="M25" s="148"/>
      <c r="N25" s="343"/>
      <c r="O25" s="343"/>
      <c r="P25" s="343"/>
      <c r="Q25" s="343"/>
      <c r="R25" s="343"/>
      <c r="S25" s="343"/>
      <c r="T25" s="343"/>
      <c r="U25" s="343"/>
      <c r="V25" s="343"/>
      <c r="Y25" s="272"/>
      <c r="AA25" s="281"/>
      <c r="AB25" s="281"/>
      <c r="AC25" s="281"/>
      <c r="AE25" s="151" t="s">
        <v>94</v>
      </c>
      <c r="AF25" s="94" t="s">
        <v>95</v>
      </c>
      <c r="AG25" s="152" t="s">
        <v>96</v>
      </c>
    </row>
    <row r="26" spans="2:33" s="290" customFormat="1" ht="18.75" customHeight="1" x14ac:dyDescent="0.15">
      <c r="B26" s="457" t="s">
        <v>482</v>
      </c>
      <c r="C26" s="407"/>
      <c r="D26" s="407"/>
      <c r="E26" s="407"/>
      <c r="F26" s="458"/>
      <c r="H26" s="344" t="s">
        <v>483</v>
      </c>
      <c r="I26" s="335"/>
      <c r="J26" s="335"/>
      <c r="K26" s="335"/>
      <c r="L26" s="335"/>
      <c r="M26" s="148"/>
      <c r="N26" s="343"/>
      <c r="O26" s="343"/>
      <c r="P26" s="343"/>
      <c r="Q26" s="343"/>
      <c r="R26" s="343"/>
      <c r="S26" s="343"/>
      <c r="T26" s="343"/>
      <c r="U26" s="343"/>
      <c r="V26" s="343"/>
      <c r="Y26" s="272"/>
      <c r="AA26" s="281"/>
      <c r="AB26" s="281"/>
      <c r="AC26" s="281"/>
      <c r="AE26" s="95"/>
      <c r="AF26" s="148"/>
      <c r="AG26" s="184"/>
    </row>
    <row r="27" spans="2:33" s="290" customFormat="1" ht="18.75" customHeight="1" x14ac:dyDescent="0.15">
      <c r="B27" s="457"/>
      <c r="C27" s="407"/>
      <c r="D27" s="407"/>
      <c r="E27" s="407"/>
      <c r="F27" s="458"/>
      <c r="H27" s="344" t="s">
        <v>484</v>
      </c>
      <c r="I27" s="335"/>
      <c r="J27" s="335"/>
      <c r="K27" s="335"/>
      <c r="L27" s="335"/>
      <c r="M27" s="148"/>
      <c r="N27" s="343"/>
      <c r="O27" s="343"/>
      <c r="P27" s="343"/>
      <c r="Q27" s="343"/>
      <c r="R27" s="343"/>
      <c r="S27" s="343"/>
      <c r="T27" s="343"/>
      <c r="U27" s="343"/>
      <c r="V27" s="343"/>
      <c r="Y27" s="272"/>
      <c r="AA27" s="281"/>
      <c r="AB27" s="281"/>
      <c r="AC27" s="281"/>
      <c r="AE27" s="117" t="s">
        <v>0</v>
      </c>
      <c r="AF27" s="109" t="s">
        <v>95</v>
      </c>
      <c r="AG27" s="118" t="s">
        <v>0</v>
      </c>
    </row>
    <row r="28" spans="2:33" s="290" customFormat="1" ht="18.75" customHeight="1" x14ac:dyDescent="0.15">
      <c r="B28" s="457"/>
      <c r="C28" s="407"/>
      <c r="D28" s="407"/>
      <c r="E28" s="407"/>
      <c r="F28" s="458"/>
      <c r="H28" s="344" t="s">
        <v>485</v>
      </c>
      <c r="I28" s="335"/>
      <c r="J28" s="335"/>
      <c r="K28" s="335"/>
      <c r="L28" s="335"/>
      <c r="M28" s="148"/>
      <c r="N28" s="343"/>
      <c r="O28" s="343"/>
      <c r="P28" s="343"/>
      <c r="Q28" s="343"/>
      <c r="R28" s="343"/>
      <c r="S28" s="343"/>
      <c r="T28" s="343"/>
      <c r="U28" s="343"/>
      <c r="V28" s="343"/>
      <c r="Y28" s="272"/>
      <c r="AA28" s="281"/>
      <c r="AB28" s="281"/>
      <c r="AC28" s="281"/>
      <c r="AE28" s="117" t="s">
        <v>0</v>
      </c>
      <c r="AF28" s="109" t="s">
        <v>95</v>
      </c>
      <c r="AG28" s="118" t="s">
        <v>0</v>
      </c>
    </row>
    <row r="29" spans="2:33" s="290" customFormat="1" ht="18.75" customHeight="1" x14ac:dyDescent="0.15">
      <c r="B29" s="457"/>
      <c r="C29" s="407"/>
      <c r="D29" s="407"/>
      <c r="E29" s="407"/>
      <c r="F29" s="458"/>
      <c r="H29" s="344" t="s">
        <v>486</v>
      </c>
      <c r="I29" s="335"/>
      <c r="J29" s="335"/>
      <c r="K29" s="335"/>
      <c r="L29" s="335"/>
      <c r="M29" s="148"/>
      <c r="N29" s="343"/>
      <c r="O29" s="343"/>
      <c r="P29" s="343"/>
      <c r="Q29" s="343"/>
      <c r="R29" s="343"/>
      <c r="S29" s="343"/>
      <c r="T29" s="343"/>
      <c r="U29" s="343"/>
      <c r="V29" s="343"/>
      <c r="Y29" s="272"/>
      <c r="AA29" s="281"/>
      <c r="AB29" s="281"/>
      <c r="AC29" s="281"/>
      <c r="AE29" s="117" t="s">
        <v>0</v>
      </c>
      <c r="AF29" s="109" t="s">
        <v>95</v>
      </c>
      <c r="AG29" s="118" t="s">
        <v>0</v>
      </c>
    </row>
    <row r="30" spans="2:33" s="290" customFormat="1" ht="18.75" customHeight="1" x14ac:dyDescent="0.15">
      <c r="B30" s="457"/>
      <c r="C30" s="407"/>
      <c r="D30" s="407"/>
      <c r="E30" s="407"/>
      <c r="F30" s="458"/>
      <c r="H30" s="344" t="s">
        <v>487</v>
      </c>
      <c r="I30" s="335"/>
      <c r="J30" s="335"/>
      <c r="K30" s="335"/>
      <c r="L30" s="335"/>
      <c r="M30" s="148"/>
      <c r="N30" s="343"/>
      <c r="O30" s="343"/>
      <c r="P30" s="343"/>
      <c r="Q30" s="343"/>
      <c r="R30" s="343"/>
      <c r="S30" s="343"/>
      <c r="T30" s="343"/>
      <c r="U30" s="343"/>
      <c r="V30" s="343"/>
      <c r="Y30" s="272"/>
      <c r="AA30" s="281"/>
      <c r="AB30" s="281"/>
      <c r="AC30" s="281"/>
      <c r="AE30" s="117" t="s">
        <v>0</v>
      </c>
      <c r="AF30" s="109" t="s">
        <v>95</v>
      </c>
      <c r="AG30" s="118" t="s">
        <v>0</v>
      </c>
    </row>
    <row r="31" spans="2:33" s="290" customFormat="1" ht="18.75" customHeight="1" x14ac:dyDescent="0.15">
      <c r="B31" s="457"/>
      <c r="C31" s="407"/>
      <c r="D31" s="407"/>
      <c r="E31" s="407"/>
      <c r="F31" s="458"/>
      <c r="H31" s="344" t="s">
        <v>488</v>
      </c>
      <c r="I31" s="335"/>
      <c r="J31" s="335"/>
      <c r="K31" s="335"/>
      <c r="L31" s="335"/>
      <c r="M31" s="148"/>
      <c r="N31" s="343"/>
      <c r="O31" s="343"/>
      <c r="P31" s="343"/>
      <c r="Q31" s="343"/>
      <c r="R31" s="343"/>
      <c r="S31" s="343"/>
      <c r="T31" s="343"/>
      <c r="U31" s="343"/>
      <c r="V31" s="343"/>
      <c r="W31" s="343"/>
      <c r="Z31" s="272"/>
      <c r="AB31" s="281"/>
      <c r="AC31" s="281"/>
      <c r="AD31" s="335"/>
      <c r="AE31" s="338"/>
      <c r="AF31" s="335"/>
      <c r="AG31" s="294"/>
    </row>
    <row r="32" spans="2:33" s="290" customFormat="1" ht="18.75" customHeight="1" x14ac:dyDescent="0.15">
      <c r="B32" s="457"/>
      <c r="C32" s="407"/>
      <c r="D32" s="407"/>
      <c r="E32" s="407"/>
      <c r="F32" s="458"/>
      <c r="H32" s="344"/>
      <c r="I32" s="527" t="s">
        <v>101</v>
      </c>
      <c r="J32" s="527"/>
      <c r="K32" s="527"/>
      <c r="L32" s="527"/>
      <c r="M32" s="527"/>
      <c r="N32" s="611"/>
      <c r="O32" s="612"/>
      <c r="P32" s="612"/>
      <c r="Q32" s="612"/>
      <c r="R32" s="612"/>
      <c r="S32" s="612"/>
      <c r="T32" s="612"/>
      <c r="U32" s="612"/>
      <c r="V32" s="612"/>
      <c r="W32" s="612"/>
      <c r="X32" s="612"/>
      <c r="Y32" s="612"/>
      <c r="Z32" s="612"/>
      <c r="AA32" s="612"/>
      <c r="AB32" s="613"/>
      <c r="AC32" s="342"/>
      <c r="AD32" s="335"/>
      <c r="AE32" s="338"/>
      <c r="AF32" s="335"/>
      <c r="AG32" s="294"/>
    </row>
    <row r="33" spans="1:34" s="290" customFormat="1" ht="18.75" customHeight="1" x14ac:dyDescent="0.15">
      <c r="B33" s="457"/>
      <c r="C33" s="407"/>
      <c r="D33" s="407"/>
      <c r="E33" s="407"/>
      <c r="F33" s="458"/>
      <c r="H33" s="344"/>
      <c r="I33" s="527" t="s">
        <v>102</v>
      </c>
      <c r="J33" s="527"/>
      <c r="K33" s="527"/>
      <c r="L33" s="527"/>
      <c r="M33" s="527"/>
      <c r="N33" s="611"/>
      <c r="O33" s="612"/>
      <c r="P33" s="612"/>
      <c r="Q33" s="612"/>
      <c r="R33" s="612"/>
      <c r="S33" s="612"/>
      <c r="T33" s="612"/>
      <c r="U33" s="612"/>
      <c r="V33" s="612"/>
      <c r="W33" s="612"/>
      <c r="X33" s="612"/>
      <c r="Y33" s="612"/>
      <c r="Z33" s="612"/>
      <c r="AA33" s="612"/>
      <c r="AB33" s="613"/>
      <c r="AC33" s="342"/>
      <c r="AD33" s="335"/>
      <c r="AE33" s="338"/>
      <c r="AF33" s="335"/>
      <c r="AG33" s="294"/>
    </row>
    <row r="34" spans="1:34" s="290" customFormat="1" ht="18.75" customHeight="1" x14ac:dyDescent="0.15">
      <c r="B34" s="457"/>
      <c r="C34" s="407"/>
      <c r="D34" s="407"/>
      <c r="E34" s="407"/>
      <c r="F34" s="458"/>
      <c r="H34" s="344"/>
      <c r="I34" s="527" t="s">
        <v>103</v>
      </c>
      <c r="J34" s="527"/>
      <c r="K34" s="527"/>
      <c r="L34" s="527"/>
      <c r="M34" s="527"/>
      <c r="N34" s="611"/>
      <c r="O34" s="612"/>
      <c r="P34" s="612"/>
      <c r="Q34" s="612"/>
      <c r="R34" s="612"/>
      <c r="S34" s="612"/>
      <c r="T34" s="612"/>
      <c r="U34" s="612"/>
      <c r="V34" s="612"/>
      <c r="W34" s="612"/>
      <c r="X34" s="612"/>
      <c r="Y34" s="612"/>
      <c r="Z34" s="612"/>
      <c r="AA34" s="612"/>
      <c r="AB34" s="613"/>
      <c r="AC34" s="342"/>
      <c r="AD34" s="335"/>
      <c r="AE34" s="338"/>
      <c r="AF34" s="335"/>
      <c r="AG34" s="294"/>
    </row>
    <row r="35" spans="1:34" s="290" customFormat="1" ht="33.75" customHeight="1" x14ac:dyDescent="0.15">
      <c r="B35" s="457"/>
      <c r="C35" s="407"/>
      <c r="D35" s="407"/>
      <c r="E35" s="407"/>
      <c r="F35" s="458"/>
      <c r="H35" s="430" t="s">
        <v>489</v>
      </c>
      <c r="I35" s="430"/>
      <c r="J35" s="430"/>
      <c r="K35" s="430"/>
      <c r="L35" s="430"/>
      <c r="M35" s="430"/>
      <c r="N35" s="430"/>
      <c r="O35" s="430"/>
      <c r="P35" s="430"/>
      <c r="Q35" s="430"/>
      <c r="R35" s="430"/>
      <c r="S35" s="430"/>
      <c r="T35" s="430"/>
      <c r="U35" s="430"/>
      <c r="V35" s="430"/>
      <c r="W35" s="430"/>
      <c r="X35" s="430"/>
      <c r="Y35" s="430"/>
      <c r="Z35" s="430"/>
      <c r="AA35" s="430"/>
      <c r="AB35" s="430"/>
      <c r="AC35" s="430"/>
      <c r="AE35" s="338"/>
      <c r="AF35" s="335"/>
      <c r="AG35" s="149"/>
    </row>
    <row r="36" spans="1:34" s="290" customFormat="1" ht="36" customHeight="1" x14ac:dyDescent="0.15">
      <c r="B36" s="457"/>
      <c r="C36" s="407"/>
      <c r="D36" s="407"/>
      <c r="E36" s="407"/>
      <c r="F36" s="458"/>
      <c r="H36" s="500" t="s">
        <v>1056</v>
      </c>
      <c r="I36" s="500"/>
      <c r="J36" s="500"/>
      <c r="K36" s="500"/>
      <c r="L36" s="500"/>
      <c r="M36" s="500"/>
      <c r="N36" s="500"/>
      <c r="O36" s="500"/>
      <c r="P36" s="500"/>
      <c r="Q36" s="500"/>
      <c r="R36" s="500"/>
      <c r="S36" s="500"/>
      <c r="T36" s="500"/>
      <c r="U36" s="500"/>
      <c r="V36" s="500"/>
      <c r="W36" s="500"/>
      <c r="X36" s="500"/>
      <c r="Y36" s="500"/>
      <c r="Z36" s="500"/>
      <c r="AA36" s="500"/>
      <c r="AB36" s="500"/>
      <c r="AC36" s="500"/>
      <c r="AD36" s="501"/>
      <c r="AE36" s="117" t="s">
        <v>0</v>
      </c>
      <c r="AF36" s="109" t="s">
        <v>95</v>
      </c>
      <c r="AG36" s="118" t="s">
        <v>0</v>
      </c>
    </row>
    <row r="37" spans="1:34" s="290" customFormat="1" ht="18.75" customHeight="1" x14ac:dyDescent="0.15">
      <c r="B37" s="457"/>
      <c r="C37" s="407"/>
      <c r="D37" s="407"/>
      <c r="E37" s="407"/>
      <c r="F37" s="458"/>
      <c r="H37" s="344" t="s">
        <v>490</v>
      </c>
      <c r="I37" s="281"/>
      <c r="J37" s="281"/>
      <c r="K37" s="281"/>
      <c r="L37" s="281"/>
      <c r="M37" s="281"/>
      <c r="N37" s="281"/>
      <c r="O37" s="281"/>
      <c r="P37" s="281"/>
      <c r="Q37" s="281"/>
      <c r="R37" s="281"/>
      <c r="S37" s="281"/>
      <c r="T37" s="281"/>
      <c r="U37" s="281"/>
      <c r="V37" s="281"/>
      <c r="W37" s="281"/>
      <c r="X37" s="281"/>
      <c r="Y37" s="281"/>
      <c r="Z37" s="281"/>
      <c r="AA37" s="281"/>
      <c r="AB37" s="281"/>
      <c r="AC37" s="281"/>
      <c r="AE37" s="117" t="s">
        <v>0</v>
      </c>
      <c r="AF37" s="109" t="s">
        <v>95</v>
      </c>
      <c r="AG37" s="118" t="s">
        <v>0</v>
      </c>
    </row>
    <row r="38" spans="1:34" s="290" customFormat="1" ht="18.75" customHeight="1" x14ac:dyDescent="0.15">
      <c r="A38" s="294"/>
      <c r="B38" s="397"/>
      <c r="C38" s="397"/>
      <c r="D38" s="397"/>
      <c r="E38" s="397"/>
      <c r="F38" s="460"/>
      <c r="G38" s="295"/>
      <c r="H38" s="344" t="s">
        <v>491</v>
      </c>
      <c r="I38" s="335"/>
      <c r="J38" s="335"/>
      <c r="K38" s="335"/>
      <c r="L38" s="335"/>
      <c r="M38" s="148"/>
      <c r="N38" s="343"/>
      <c r="O38" s="343"/>
      <c r="P38" s="343"/>
      <c r="Q38" s="343"/>
      <c r="R38" s="343"/>
      <c r="S38" s="343"/>
      <c r="T38" s="343"/>
      <c r="U38" s="343"/>
      <c r="V38" s="343"/>
      <c r="Y38" s="272"/>
      <c r="AA38" s="281"/>
      <c r="AB38" s="281"/>
      <c r="AC38" s="281"/>
      <c r="AE38" s="117" t="s">
        <v>0</v>
      </c>
      <c r="AF38" s="109" t="s">
        <v>95</v>
      </c>
      <c r="AG38" s="118" t="s">
        <v>0</v>
      </c>
    </row>
    <row r="39" spans="1:34" s="290" customFormat="1" ht="18.75" customHeight="1" x14ac:dyDescent="0.15">
      <c r="B39" s="457"/>
      <c r="C39" s="455"/>
      <c r="D39" s="407"/>
      <c r="E39" s="407"/>
      <c r="F39" s="458"/>
      <c r="H39" s="344" t="s">
        <v>492</v>
      </c>
      <c r="I39" s="335"/>
      <c r="J39" s="335"/>
      <c r="K39" s="335"/>
      <c r="L39" s="335"/>
      <c r="M39" s="148"/>
      <c r="N39" s="343"/>
      <c r="O39" s="343"/>
      <c r="P39" s="343"/>
      <c r="Q39" s="343"/>
      <c r="R39" s="343"/>
      <c r="S39" s="343"/>
      <c r="T39" s="343"/>
      <c r="U39" s="343"/>
      <c r="V39" s="343"/>
      <c r="Y39" s="272"/>
      <c r="AA39" s="281"/>
      <c r="AB39" s="281"/>
      <c r="AC39" s="281"/>
      <c r="AE39" s="117" t="s">
        <v>0</v>
      </c>
      <c r="AF39" s="109" t="s">
        <v>95</v>
      </c>
      <c r="AG39" s="118" t="s">
        <v>0</v>
      </c>
    </row>
    <row r="40" spans="1:34" s="290" customFormat="1" ht="18.75" customHeight="1" x14ac:dyDescent="0.15">
      <c r="B40" s="273"/>
      <c r="C40" s="274"/>
      <c r="D40" s="274"/>
      <c r="E40" s="274"/>
      <c r="F40" s="275"/>
      <c r="H40" s="344" t="s">
        <v>493</v>
      </c>
      <c r="I40" s="335"/>
      <c r="J40" s="335"/>
      <c r="K40" s="335"/>
      <c r="L40" s="335"/>
      <c r="M40" s="148"/>
      <c r="N40" s="343"/>
      <c r="O40" s="343"/>
      <c r="P40" s="343"/>
      <c r="Q40" s="343"/>
      <c r="R40" s="343"/>
      <c r="S40" s="343"/>
      <c r="T40" s="343"/>
      <c r="U40" s="343"/>
      <c r="V40" s="343"/>
      <c r="Y40" s="272"/>
      <c r="AA40" s="281"/>
      <c r="AB40" s="281"/>
      <c r="AC40" s="281"/>
      <c r="AE40" s="117" t="s">
        <v>0</v>
      </c>
      <c r="AF40" s="109" t="s">
        <v>95</v>
      </c>
      <c r="AG40" s="118" t="s">
        <v>0</v>
      </c>
    </row>
    <row r="41" spans="1:34" s="290" customFormat="1" ht="18.75" customHeight="1" x14ac:dyDescent="0.15">
      <c r="B41" s="273"/>
      <c r="C41" s="274"/>
      <c r="D41" s="274"/>
      <c r="E41" s="274"/>
      <c r="F41" s="275"/>
      <c r="H41" s="344" t="s">
        <v>494</v>
      </c>
      <c r="I41" s="335"/>
      <c r="J41" s="335"/>
      <c r="K41" s="335"/>
      <c r="L41" s="335"/>
      <c r="M41" s="148"/>
      <c r="N41" s="343"/>
      <c r="O41" s="343"/>
      <c r="P41" s="343"/>
      <c r="Q41" s="343"/>
      <c r="R41" s="343"/>
      <c r="S41" s="343"/>
      <c r="T41" s="343"/>
      <c r="U41" s="343"/>
      <c r="V41" s="343"/>
      <c r="Y41" s="272"/>
      <c r="AA41" s="281"/>
      <c r="AB41" s="281"/>
      <c r="AC41" s="281"/>
      <c r="AE41" s="117" t="s">
        <v>0</v>
      </c>
      <c r="AF41" s="109" t="s">
        <v>95</v>
      </c>
      <c r="AG41" s="118" t="s">
        <v>0</v>
      </c>
    </row>
    <row r="42" spans="1:34" s="290" customFormat="1" ht="18.75" customHeight="1" x14ac:dyDescent="0.15">
      <c r="B42" s="268"/>
      <c r="C42" s="269"/>
      <c r="D42" s="269"/>
      <c r="E42" s="269"/>
      <c r="F42" s="270"/>
      <c r="G42" s="259"/>
      <c r="H42" s="357"/>
      <c r="I42" s="356"/>
      <c r="J42" s="356"/>
      <c r="K42" s="356"/>
      <c r="L42" s="356"/>
      <c r="M42" s="233"/>
      <c r="N42" s="320"/>
      <c r="O42" s="320"/>
      <c r="P42" s="320"/>
      <c r="Q42" s="320"/>
      <c r="R42" s="320"/>
      <c r="S42" s="320"/>
      <c r="T42" s="320"/>
      <c r="U42" s="320"/>
      <c r="V42" s="320"/>
      <c r="W42" s="259"/>
      <c r="X42" s="259"/>
      <c r="Y42" s="256"/>
      <c r="Z42" s="259"/>
      <c r="AA42" s="282"/>
      <c r="AB42" s="282"/>
      <c r="AC42" s="282"/>
      <c r="AD42" s="259"/>
      <c r="AE42" s="340"/>
      <c r="AF42" s="356"/>
      <c r="AG42" s="341"/>
    </row>
    <row r="43" spans="1:34" s="290" customFormat="1" ht="33" customHeight="1" x14ac:dyDescent="0.15">
      <c r="B43" s="407" t="s">
        <v>495</v>
      </c>
      <c r="C43" s="407"/>
      <c r="D43" s="407"/>
      <c r="E43" s="407"/>
      <c r="F43" s="407"/>
      <c r="G43" s="407"/>
      <c r="H43" s="407"/>
      <c r="I43" s="407"/>
      <c r="J43" s="407"/>
      <c r="K43" s="407"/>
      <c r="L43" s="407"/>
      <c r="M43" s="407"/>
      <c r="N43" s="407"/>
      <c r="O43" s="407"/>
      <c r="P43" s="407"/>
      <c r="Q43" s="407"/>
      <c r="R43" s="407"/>
      <c r="S43" s="407"/>
      <c r="T43" s="407"/>
      <c r="U43" s="407"/>
      <c r="V43" s="407"/>
      <c r="W43" s="407"/>
      <c r="X43" s="407"/>
      <c r="Y43" s="407"/>
      <c r="Z43" s="407"/>
      <c r="AA43" s="407"/>
      <c r="AB43" s="407"/>
      <c r="AC43" s="407"/>
      <c r="AD43" s="407"/>
      <c r="AE43" s="407"/>
      <c r="AF43" s="274"/>
    </row>
    <row r="44" spans="1:34" s="290" customFormat="1" ht="47.25" customHeight="1" x14ac:dyDescent="0.15">
      <c r="B44" s="407" t="s">
        <v>496</v>
      </c>
      <c r="C44" s="407"/>
      <c r="D44" s="407"/>
      <c r="E44" s="407"/>
      <c r="F44" s="407"/>
      <c r="G44" s="407"/>
      <c r="H44" s="407"/>
      <c r="I44" s="407"/>
      <c r="J44" s="407"/>
      <c r="K44" s="407"/>
      <c r="L44" s="407"/>
      <c r="M44" s="407"/>
      <c r="N44" s="407"/>
      <c r="O44" s="407"/>
      <c r="P44" s="407"/>
      <c r="Q44" s="407"/>
      <c r="R44" s="407"/>
      <c r="S44" s="407"/>
      <c r="T44" s="407"/>
      <c r="U44" s="407"/>
      <c r="V44" s="407"/>
      <c r="W44" s="407"/>
      <c r="X44" s="407"/>
      <c r="Y44" s="407"/>
      <c r="Z44" s="407"/>
      <c r="AA44" s="407"/>
      <c r="AB44" s="407"/>
      <c r="AC44" s="407"/>
      <c r="AD44" s="407"/>
      <c r="AE44" s="407"/>
      <c r="AF44" s="407"/>
      <c r="AG44" s="407"/>
    </row>
    <row r="45" spans="1:34" s="290" customFormat="1" ht="27" customHeight="1" x14ac:dyDescent="0.15">
      <c r="B45" s="610" t="s">
        <v>497</v>
      </c>
      <c r="C45" s="610"/>
      <c r="D45" s="610"/>
      <c r="E45" s="610"/>
      <c r="F45" s="610"/>
      <c r="G45" s="610"/>
      <c r="H45" s="610"/>
      <c r="I45" s="610"/>
      <c r="J45" s="610"/>
      <c r="K45" s="610"/>
      <c r="L45" s="610"/>
      <c r="M45" s="610"/>
      <c r="N45" s="610"/>
      <c r="O45" s="610"/>
      <c r="P45" s="610"/>
      <c r="Q45" s="610"/>
      <c r="R45" s="610"/>
      <c r="S45" s="610"/>
      <c r="T45" s="610"/>
      <c r="U45" s="610"/>
      <c r="V45" s="610"/>
      <c r="W45" s="610"/>
      <c r="X45" s="610"/>
      <c r="Y45" s="610"/>
      <c r="Z45" s="610"/>
      <c r="AA45" s="610"/>
      <c r="AB45" s="610"/>
      <c r="AC45" s="610"/>
      <c r="AD45" s="610"/>
      <c r="AE45" s="610"/>
      <c r="AF45" s="610"/>
      <c r="AG45" s="610"/>
      <c r="AH45" s="610"/>
    </row>
    <row r="46" spans="1:34" x14ac:dyDescent="0.15">
      <c r="B46" s="14"/>
      <c r="C46" s="14"/>
      <c r="D46" s="14"/>
      <c r="E46" s="14"/>
      <c r="F46" s="14"/>
      <c r="G46" s="14"/>
      <c r="H46" s="14"/>
      <c r="I46" s="14"/>
      <c r="J46" s="14"/>
      <c r="K46" s="14"/>
      <c r="L46" s="14"/>
      <c r="M46" s="14"/>
      <c r="N46" s="14"/>
      <c r="O46" s="14"/>
      <c r="P46" s="14"/>
      <c r="Q46" s="14"/>
      <c r="R46" s="14"/>
      <c r="S46" s="14"/>
      <c r="T46" s="14"/>
      <c r="U46" s="14"/>
      <c r="V46" s="14"/>
      <c r="W46" s="14"/>
      <c r="X46" s="14"/>
      <c r="Y46" s="14"/>
      <c r="Z46" s="14"/>
      <c r="AA46" s="14"/>
      <c r="AB46" s="14"/>
      <c r="AC46" s="14"/>
      <c r="AD46" s="14"/>
      <c r="AE46" s="14"/>
      <c r="AF46" s="14"/>
      <c r="AG46" s="14"/>
    </row>
    <row r="47" spans="1:34" x14ac:dyDescent="0.15">
      <c r="B47" s="14"/>
      <c r="C47" s="14"/>
      <c r="D47" s="14"/>
      <c r="E47" s="14"/>
      <c r="F47" s="14"/>
      <c r="G47" s="14"/>
      <c r="H47" s="14"/>
      <c r="I47" s="14"/>
      <c r="J47" s="14"/>
      <c r="K47" s="14"/>
      <c r="L47" s="14"/>
      <c r="M47" s="14"/>
      <c r="N47" s="14"/>
      <c r="O47" s="14"/>
      <c r="P47" s="14"/>
      <c r="Q47" s="14"/>
      <c r="R47" s="14"/>
      <c r="S47" s="14"/>
      <c r="T47" s="14"/>
      <c r="U47" s="14"/>
      <c r="V47" s="14"/>
      <c r="W47" s="14"/>
      <c r="X47" s="14"/>
      <c r="Y47" s="14"/>
      <c r="Z47" s="14"/>
      <c r="AA47" s="14"/>
      <c r="AB47" s="14"/>
      <c r="AC47" s="14"/>
      <c r="AD47" s="14"/>
      <c r="AE47" s="14"/>
      <c r="AF47" s="14"/>
      <c r="AG47" s="14"/>
    </row>
    <row r="122" spans="3:7" x14ac:dyDescent="0.15">
      <c r="C122" s="59"/>
      <c r="D122" s="59"/>
      <c r="E122" s="59"/>
      <c r="F122" s="59"/>
      <c r="G122" s="59"/>
    </row>
    <row r="123" spans="3:7" x14ac:dyDescent="0.15">
      <c r="C123" s="57"/>
    </row>
  </sheetData>
  <mergeCells count="36">
    <mergeCell ref="H22:L22"/>
    <mergeCell ref="P22:X22"/>
    <mergeCell ref="B43:AE43"/>
    <mergeCell ref="B44:AG44"/>
    <mergeCell ref="B45:AH45"/>
    <mergeCell ref="B26:F39"/>
    <mergeCell ref="I32:M32"/>
    <mergeCell ref="N32:AB32"/>
    <mergeCell ref="I33:M33"/>
    <mergeCell ref="N33:AB33"/>
    <mergeCell ref="I34:M34"/>
    <mergeCell ref="N34:AB34"/>
    <mergeCell ref="H35:AC35"/>
    <mergeCell ref="H36:AD36"/>
    <mergeCell ref="AA22:AC22"/>
    <mergeCell ref="B13:F17"/>
    <mergeCell ref="H13:AC13"/>
    <mergeCell ref="I15:V15"/>
    <mergeCell ref="W15:X15"/>
    <mergeCell ref="I16:V16"/>
    <mergeCell ref="W16:X16"/>
    <mergeCell ref="AA16:AC16"/>
    <mergeCell ref="I17:V17"/>
    <mergeCell ref="W17:X17"/>
    <mergeCell ref="AA17:AC17"/>
    <mergeCell ref="I18:V18"/>
    <mergeCell ref="W18:X18"/>
    <mergeCell ref="I19:V19"/>
    <mergeCell ref="W19:X19"/>
    <mergeCell ref="AA19:AC19"/>
    <mergeCell ref="B10:F10"/>
    <mergeCell ref="B5:AG5"/>
    <mergeCell ref="B7:F7"/>
    <mergeCell ref="G7:AG7"/>
    <mergeCell ref="B8:F8"/>
    <mergeCell ref="B9:F9"/>
  </mergeCells>
  <phoneticPr fontId="1"/>
  <dataValidations count="1">
    <dataValidation type="list" allowBlank="1" showInputMessage="1" showErrorMessage="1" sqref="H8:H10 M8 R8:R10 AE16:AE17 AG16:AG17 AE19 AG19 AE22 AG22 AE27:AE30 AG27:AG30 AE36:AE41 AG36:AG41">
      <formula1>"□,■"</formula1>
    </dataValidation>
  </dataValidations>
  <pageMargins left="0.7" right="0.7" top="0.75" bottom="0.75" header="0.3" footer="0.3"/>
  <pageSetup paperSize="9" scale="7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Y123"/>
  <sheetViews>
    <sheetView zoomScaleNormal="100" zoomScaleSheetLayoutView="85" workbookViewId="0">
      <selection activeCell="F61" sqref="F61"/>
    </sheetView>
  </sheetViews>
  <sheetFormatPr defaultColWidth="3.5" defaultRowHeight="13.5" x14ac:dyDescent="0.15"/>
  <cols>
    <col min="1" max="1" width="2.375" style="3" customWidth="1"/>
    <col min="2" max="2" width="3" style="302" customWidth="1"/>
    <col min="3" max="7" width="3.5" style="3"/>
    <col min="8" max="25" width="4.5" style="3" customWidth="1"/>
    <col min="26" max="16384" width="3.5" style="3"/>
  </cols>
  <sheetData>
    <row r="2" spans="2:25" x14ac:dyDescent="0.15">
      <c r="B2" s="3" t="s">
        <v>907</v>
      </c>
    </row>
    <row r="3" spans="2:25" x14ac:dyDescent="0.15">
      <c r="Q3" s="290"/>
      <c r="R3" s="283" t="s">
        <v>9</v>
      </c>
      <c r="S3" s="392"/>
      <c r="T3" s="392"/>
      <c r="U3" s="283" t="s">
        <v>10</v>
      </c>
      <c r="V3" s="272"/>
      <c r="W3" s="283" t="s">
        <v>80</v>
      </c>
      <c r="X3" s="272"/>
      <c r="Y3" s="283" t="s">
        <v>81</v>
      </c>
    </row>
    <row r="4" spans="2:25" x14ac:dyDescent="0.15">
      <c r="B4" s="418" t="s">
        <v>876</v>
      </c>
      <c r="C4" s="418"/>
      <c r="D4" s="418"/>
      <c r="E4" s="418"/>
      <c r="F4" s="418"/>
      <c r="G4" s="418"/>
      <c r="H4" s="418"/>
      <c r="I4" s="418"/>
      <c r="J4" s="418"/>
      <c r="K4" s="418"/>
      <c r="L4" s="418"/>
      <c r="M4" s="418"/>
      <c r="N4" s="418"/>
      <c r="O4" s="418"/>
      <c r="P4" s="418"/>
      <c r="Q4" s="418"/>
      <c r="R4" s="418"/>
      <c r="S4" s="418"/>
      <c r="T4" s="418"/>
      <c r="U4" s="418"/>
      <c r="V4" s="418"/>
      <c r="W4" s="418"/>
      <c r="X4" s="418"/>
      <c r="Y4" s="418"/>
    </row>
    <row r="6" spans="2:25" ht="30" customHeight="1" x14ac:dyDescent="0.15">
      <c r="B6" s="249">
        <v>1</v>
      </c>
      <c r="C6" s="315" t="s">
        <v>335</v>
      </c>
      <c r="D6" s="16"/>
      <c r="E6" s="16"/>
      <c r="F6" s="16"/>
      <c r="G6" s="17"/>
      <c r="H6" s="394"/>
      <c r="I6" s="395"/>
      <c r="J6" s="395"/>
      <c r="K6" s="395"/>
      <c r="L6" s="395"/>
      <c r="M6" s="395"/>
      <c r="N6" s="395"/>
      <c r="O6" s="395"/>
      <c r="P6" s="395"/>
      <c r="Q6" s="395"/>
      <c r="R6" s="395"/>
      <c r="S6" s="395"/>
      <c r="T6" s="395"/>
      <c r="U6" s="395"/>
      <c r="V6" s="395"/>
      <c r="W6" s="395"/>
      <c r="X6" s="395"/>
      <c r="Y6" s="396"/>
    </row>
    <row r="7" spans="2:25" ht="30" customHeight="1" x14ac:dyDescent="0.15">
      <c r="B7" s="249">
        <v>2</v>
      </c>
      <c r="C7" s="315" t="s">
        <v>336</v>
      </c>
      <c r="D7" s="315"/>
      <c r="E7" s="315"/>
      <c r="F7" s="315"/>
      <c r="G7" s="321"/>
      <c r="H7" s="107" t="s">
        <v>0</v>
      </c>
      <c r="I7" s="315" t="s">
        <v>87</v>
      </c>
      <c r="J7" s="315"/>
      <c r="K7" s="315"/>
      <c r="L7" s="315"/>
      <c r="M7" s="108" t="s">
        <v>0</v>
      </c>
      <c r="N7" s="315" t="s">
        <v>88</v>
      </c>
      <c r="O7" s="315"/>
      <c r="P7" s="315"/>
      <c r="Q7" s="315"/>
      <c r="R7" s="108" t="s">
        <v>0</v>
      </c>
      <c r="S7" s="315" t="s">
        <v>89</v>
      </c>
      <c r="T7" s="315"/>
      <c r="U7" s="315"/>
      <c r="V7" s="315"/>
      <c r="W7" s="315"/>
      <c r="X7" s="315"/>
      <c r="Y7" s="321"/>
    </row>
    <row r="8" spans="2:25" ht="30" customHeight="1" x14ac:dyDescent="0.15">
      <c r="B8" s="291">
        <v>3</v>
      </c>
      <c r="C8" s="2" t="s">
        <v>337</v>
      </c>
      <c r="D8" s="2"/>
      <c r="E8" s="2"/>
      <c r="F8" s="2"/>
      <c r="G8" s="88"/>
      <c r="H8" s="109" t="s">
        <v>0</v>
      </c>
      <c r="I8" s="290" t="s">
        <v>877</v>
      </c>
      <c r="J8" s="2"/>
      <c r="K8" s="2"/>
      <c r="L8" s="2"/>
      <c r="M8" s="2"/>
      <c r="N8" s="2"/>
      <c r="O8" s="2"/>
      <c r="P8" s="109"/>
      <c r="Q8" s="290"/>
      <c r="R8" s="2"/>
      <c r="S8" s="2"/>
      <c r="T8" s="2"/>
      <c r="U8" s="2"/>
      <c r="V8" s="2"/>
      <c r="W8" s="2"/>
      <c r="X8" s="2"/>
      <c r="Y8" s="88"/>
    </row>
    <row r="9" spans="2:25" ht="30" customHeight="1" x14ac:dyDescent="0.15">
      <c r="B9" s="291"/>
      <c r="C9" s="2"/>
      <c r="D9" s="2"/>
      <c r="E9" s="2"/>
      <c r="F9" s="2"/>
      <c r="G9" s="88"/>
      <c r="H9" s="109" t="s">
        <v>0</v>
      </c>
      <c r="I9" s="290" t="s">
        <v>878</v>
      </c>
      <c r="J9" s="2"/>
      <c r="K9" s="2"/>
      <c r="L9" s="2"/>
      <c r="M9" s="2"/>
      <c r="N9" s="2"/>
      <c r="O9" s="2"/>
      <c r="P9" s="109"/>
      <c r="Q9" s="290"/>
      <c r="R9" s="2"/>
      <c r="S9" s="2"/>
      <c r="T9" s="2"/>
      <c r="U9" s="2"/>
      <c r="V9" s="2"/>
      <c r="W9" s="2"/>
      <c r="X9" s="2"/>
      <c r="Y9" s="88"/>
    </row>
    <row r="10" spans="2:25" ht="30" customHeight="1" x14ac:dyDescent="0.15">
      <c r="B10" s="291"/>
      <c r="C10" s="2"/>
      <c r="D10" s="2"/>
      <c r="E10" s="2"/>
      <c r="F10" s="2"/>
      <c r="G10" s="88"/>
      <c r="H10" s="109" t="s">
        <v>0</v>
      </c>
      <c r="I10" s="290" t="s">
        <v>879</v>
      </c>
      <c r="J10" s="2"/>
      <c r="K10" s="2"/>
      <c r="L10" s="2"/>
      <c r="M10" s="2"/>
      <c r="N10" s="2"/>
      <c r="O10" s="2"/>
      <c r="P10" s="109"/>
      <c r="Q10" s="290"/>
      <c r="R10" s="2"/>
      <c r="S10" s="2"/>
      <c r="T10" s="2"/>
      <c r="U10" s="2"/>
      <c r="V10" s="2"/>
      <c r="W10" s="2"/>
      <c r="X10" s="2"/>
      <c r="Y10" s="88"/>
    </row>
    <row r="11" spans="2:25" ht="30" customHeight="1" x14ac:dyDescent="0.15">
      <c r="B11" s="291"/>
      <c r="C11" s="2"/>
      <c r="D11" s="2"/>
      <c r="E11" s="2"/>
      <c r="F11" s="2"/>
      <c r="G11" s="88"/>
      <c r="H11" s="109" t="s">
        <v>4</v>
      </c>
      <c r="I11" s="290" t="s">
        <v>880</v>
      </c>
      <c r="J11" s="2"/>
      <c r="K11" s="2"/>
      <c r="L11" s="2"/>
      <c r="M11" s="2"/>
      <c r="N11" s="2"/>
      <c r="O11" s="2"/>
      <c r="P11" s="109"/>
      <c r="Q11" s="290"/>
      <c r="R11" s="2"/>
      <c r="S11" s="2"/>
      <c r="T11" s="2"/>
      <c r="U11" s="2"/>
      <c r="V11" s="2"/>
      <c r="W11" s="2"/>
      <c r="X11" s="2"/>
      <c r="Y11" s="88"/>
    </row>
    <row r="12" spans="2:25" ht="30" customHeight="1" x14ac:dyDescent="0.15">
      <c r="B12" s="291"/>
      <c r="C12" s="2"/>
      <c r="D12" s="2"/>
      <c r="E12" s="2"/>
      <c r="F12" s="2"/>
      <c r="G12" s="88"/>
      <c r="H12" s="109" t="s">
        <v>4</v>
      </c>
      <c r="I12" s="290" t="s">
        <v>881</v>
      </c>
      <c r="J12" s="2"/>
      <c r="K12" s="2"/>
      <c r="L12" s="2"/>
      <c r="M12" s="2"/>
      <c r="N12" s="2"/>
      <c r="O12" s="2"/>
      <c r="P12" s="109"/>
      <c r="Q12" s="290"/>
      <c r="R12" s="2"/>
      <c r="S12" s="2"/>
      <c r="T12" s="2"/>
      <c r="U12" s="2"/>
      <c r="V12" s="2"/>
      <c r="W12" s="2"/>
      <c r="X12" s="2"/>
      <c r="Y12" s="88"/>
    </row>
    <row r="13" spans="2:25" ht="30" customHeight="1" x14ac:dyDescent="0.15">
      <c r="B13" s="291"/>
      <c r="C13" s="2"/>
      <c r="D13" s="2"/>
      <c r="E13" s="2"/>
      <c r="F13" s="2"/>
      <c r="G13" s="88"/>
      <c r="H13" s="109" t="s">
        <v>0</v>
      </c>
      <c r="I13" s="290" t="s">
        <v>882</v>
      </c>
      <c r="J13" s="2"/>
      <c r="K13" s="2"/>
      <c r="L13" s="2"/>
      <c r="M13" s="2"/>
      <c r="N13" s="2"/>
      <c r="O13" s="2"/>
      <c r="P13" s="2"/>
      <c r="Q13" s="290"/>
      <c r="R13" s="2"/>
      <c r="S13" s="2"/>
      <c r="T13" s="2"/>
      <c r="U13" s="2"/>
      <c r="V13" s="2"/>
      <c r="W13" s="2"/>
      <c r="X13" s="2"/>
      <c r="Y13" s="88"/>
    </row>
    <row r="14" spans="2:25" x14ac:dyDescent="0.15">
      <c r="B14" s="279"/>
      <c r="C14" s="57"/>
      <c r="D14" s="57"/>
      <c r="E14" s="57"/>
      <c r="F14" s="57"/>
      <c r="G14" s="58"/>
      <c r="H14" s="56"/>
      <c r="I14" s="57"/>
      <c r="J14" s="57"/>
      <c r="K14" s="57"/>
      <c r="L14" s="57"/>
      <c r="M14" s="57"/>
      <c r="N14" s="57"/>
      <c r="O14" s="57"/>
      <c r="P14" s="57"/>
      <c r="Q14" s="57"/>
      <c r="R14" s="57"/>
      <c r="S14" s="57"/>
      <c r="T14" s="57"/>
      <c r="U14" s="57"/>
      <c r="V14" s="57"/>
      <c r="W14" s="57"/>
      <c r="X14" s="57"/>
      <c r="Y14" s="58"/>
    </row>
    <row r="15" spans="2:25" ht="29.25" customHeight="1" x14ac:dyDescent="0.15">
      <c r="B15" s="236">
        <v>4</v>
      </c>
      <c r="C15" s="419" t="s">
        <v>883</v>
      </c>
      <c r="D15" s="419"/>
      <c r="E15" s="419"/>
      <c r="F15" s="419"/>
      <c r="G15" s="420"/>
      <c r="H15" s="91" t="s">
        <v>884</v>
      </c>
      <c r="I15" s="2"/>
      <c r="Y15" s="87"/>
    </row>
    <row r="16" spans="2:25" ht="12" customHeight="1" x14ac:dyDescent="0.15">
      <c r="B16" s="96"/>
      <c r="G16" s="87"/>
      <c r="H16" s="97"/>
      <c r="I16" s="393" t="s">
        <v>885</v>
      </c>
      <c r="J16" s="393"/>
      <c r="K16" s="393"/>
      <c r="L16" s="393"/>
      <c r="M16" s="393"/>
      <c r="N16" s="393"/>
      <c r="O16" s="393"/>
      <c r="P16" s="393"/>
      <c r="Q16" s="401"/>
      <c r="R16" s="402"/>
      <c r="S16" s="402"/>
      <c r="T16" s="402"/>
      <c r="U16" s="402"/>
      <c r="V16" s="402"/>
      <c r="W16" s="403"/>
      <c r="Y16" s="87"/>
    </row>
    <row r="17" spans="2:25" ht="12" customHeight="1" x14ac:dyDescent="0.15">
      <c r="B17" s="96"/>
      <c r="G17" s="87"/>
      <c r="H17" s="97"/>
      <c r="I17" s="393"/>
      <c r="J17" s="393"/>
      <c r="K17" s="393"/>
      <c r="L17" s="393"/>
      <c r="M17" s="393"/>
      <c r="N17" s="393"/>
      <c r="O17" s="393"/>
      <c r="P17" s="393"/>
      <c r="Q17" s="404"/>
      <c r="R17" s="405"/>
      <c r="S17" s="405"/>
      <c r="T17" s="405"/>
      <c r="U17" s="405"/>
      <c r="V17" s="405"/>
      <c r="W17" s="406"/>
      <c r="Y17" s="87"/>
    </row>
    <row r="18" spans="2:25" ht="12" customHeight="1" x14ac:dyDescent="0.15">
      <c r="B18" s="96"/>
      <c r="G18" s="87"/>
      <c r="H18" s="97"/>
      <c r="I18" s="401" t="s">
        <v>886</v>
      </c>
      <c r="J18" s="402"/>
      <c r="K18" s="402"/>
      <c r="L18" s="402"/>
      <c r="M18" s="402"/>
      <c r="N18" s="402"/>
      <c r="O18" s="402"/>
      <c r="P18" s="403"/>
      <c r="Q18" s="401"/>
      <c r="R18" s="402"/>
      <c r="S18" s="402"/>
      <c r="T18" s="402"/>
      <c r="U18" s="402"/>
      <c r="V18" s="402"/>
      <c r="W18" s="403"/>
      <c r="Y18" s="87"/>
    </row>
    <row r="19" spans="2:25" ht="12" customHeight="1" x14ac:dyDescent="0.15">
      <c r="B19" s="96"/>
      <c r="G19" s="87"/>
      <c r="H19" s="97"/>
      <c r="I19" s="421"/>
      <c r="J19" s="392"/>
      <c r="K19" s="392"/>
      <c r="L19" s="392"/>
      <c r="M19" s="392"/>
      <c r="N19" s="392"/>
      <c r="O19" s="392"/>
      <c r="P19" s="422"/>
      <c r="Q19" s="421"/>
      <c r="R19" s="392"/>
      <c r="S19" s="392"/>
      <c r="T19" s="392"/>
      <c r="U19" s="392"/>
      <c r="V19" s="392"/>
      <c r="W19" s="422"/>
      <c r="Y19" s="87"/>
    </row>
    <row r="20" spans="2:25" ht="12" customHeight="1" x14ac:dyDescent="0.15">
      <c r="B20" s="96"/>
      <c r="G20" s="87"/>
      <c r="H20" s="97"/>
      <c r="I20" s="421"/>
      <c r="J20" s="392"/>
      <c r="K20" s="392"/>
      <c r="L20" s="392"/>
      <c r="M20" s="392"/>
      <c r="N20" s="392"/>
      <c r="O20" s="392"/>
      <c r="P20" s="422"/>
      <c r="Q20" s="421"/>
      <c r="R20" s="392"/>
      <c r="S20" s="392"/>
      <c r="T20" s="392"/>
      <c r="U20" s="392"/>
      <c r="V20" s="392"/>
      <c r="W20" s="422"/>
      <c r="Y20" s="87"/>
    </row>
    <row r="21" spans="2:25" ht="12" customHeight="1" x14ac:dyDescent="0.15">
      <c r="B21" s="96"/>
      <c r="G21" s="87"/>
      <c r="H21" s="97"/>
      <c r="I21" s="404"/>
      <c r="J21" s="405"/>
      <c r="K21" s="405"/>
      <c r="L21" s="405"/>
      <c r="M21" s="405"/>
      <c r="N21" s="405"/>
      <c r="O21" s="405"/>
      <c r="P21" s="406"/>
      <c r="Q21" s="404"/>
      <c r="R21" s="405"/>
      <c r="S21" s="405"/>
      <c r="T21" s="405"/>
      <c r="U21" s="405"/>
      <c r="V21" s="405"/>
      <c r="W21" s="406"/>
      <c r="Y21" s="87"/>
    </row>
    <row r="22" spans="2:25" ht="12" customHeight="1" x14ac:dyDescent="0.15">
      <c r="B22" s="96"/>
      <c r="G22" s="87"/>
      <c r="H22" s="97"/>
      <c r="I22" s="393" t="s">
        <v>887</v>
      </c>
      <c r="J22" s="393"/>
      <c r="K22" s="393"/>
      <c r="L22" s="393"/>
      <c r="M22" s="393"/>
      <c r="N22" s="393"/>
      <c r="O22" s="393"/>
      <c r="P22" s="393"/>
      <c r="Q22" s="423"/>
      <c r="R22" s="424"/>
      <c r="S22" s="424"/>
      <c r="T22" s="424"/>
      <c r="U22" s="424"/>
      <c r="V22" s="424"/>
      <c r="W22" s="425"/>
      <c r="Y22" s="87"/>
    </row>
    <row r="23" spans="2:25" ht="12" customHeight="1" x14ac:dyDescent="0.15">
      <c r="B23" s="96"/>
      <c r="G23" s="87"/>
      <c r="H23" s="97"/>
      <c r="I23" s="393"/>
      <c r="J23" s="393"/>
      <c r="K23" s="393"/>
      <c r="L23" s="393"/>
      <c r="M23" s="393"/>
      <c r="N23" s="393"/>
      <c r="O23" s="393"/>
      <c r="P23" s="393"/>
      <c r="Q23" s="426"/>
      <c r="R23" s="427"/>
      <c r="S23" s="427"/>
      <c r="T23" s="427"/>
      <c r="U23" s="427"/>
      <c r="V23" s="427"/>
      <c r="W23" s="428"/>
      <c r="Y23" s="87"/>
    </row>
    <row r="24" spans="2:25" ht="12" customHeight="1" x14ac:dyDescent="0.15">
      <c r="B24" s="96"/>
      <c r="G24" s="87"/>
      <c r="H24" s="97"/>
      <c r="I24" s="393" t="s">
        <v>888</v>
      </c>
      <c r="J24" s="393"/>
      <c r="K24" s="393"/>
      <c r="L24" s="393"/>
      <c r="M24" s="393"/>
      <c r="N24" s="393"/>
      <c r="O24" s="393"/>
      <c r="P24" s="393"/>
      <c r="Q24" s="423" t="s">
        <v>889</v>
      </c>
      <c r="R24" s="424"/>
      <c r="S24" s="424"/>
      <c r="T24" s="424"/>
      <c r="U24" s="424"/>
      <c r="V24" s="424"/>
      <c r="W24" s="425"/>
      <c r="Y24" s="87"/>
    </row>
    <row r="25" spans="2:25" ht="12" customHeight="1" x14ac:dyDescent="0.15">
      <c r="B25" s="96"/>
      <c r="G25" s="87"/>
      <c r="H25" s="97"/>
      <c r="I25" s="393"/>
      <c r="J25" s="393"/>
      <c r="K25" s="393"/>
      <c r="L25" s="393"/>
      <c r="M25" s="393"/>
      <c r="N25" s="393"/>
      <c r="O25" s="393"/>
      <c r="P25" s="393"/>
      <c r="Q25" s="426"/>
      <c r="R25" s="427"/>
      <c r="S25" s="427"/>
      <c r="T25" s="427"/>
      <c r="U25" s="427"/>
      <c r="V25" s="427"/>
      <c r="W25" s="428"/>
      <c r="Y25" s="87"/>
    </row>
    <row r="26" spans="2:25" ht="12" customHeight="1" x14ac:dyDescent="0.15">
      <c r="B26" s="96"/>
      <c r="G26" s="87"/>
      <c r="H26" s="97"/>
      <c r="I26" s="393" t="s">
        <v>890</v>
      </c>
      <c r="J26" s="393"/>
      <c r="K26" s="393"/>
      <c r="L26" s="393"/>
      <c r="M26" s="393"/>
      <c r="N26" s="393"/>
      <c r="O26" s="393"/>
      <c r="P26" s="393"/>
      <c r="Q26" s="423"/>
      <c r="R26" s="424"/>
      <c r="S26" s="424"/>
      <c r="T26" s="424"/>
      <c r="U26" s="424"/>
      <c r="V26" s="424"/>
      <c r="W26" s="425"/>
      <c r="Y26" s="87"/>
    </row>
    <row r="27" spans="2:25" ht="12" customHeight="1" x14ac:dyDescent="0.15">
      <c r="B27" s="96"/>
      <c r="G27" s="87"/>
      <c r="H27" s="97"/>
      <c r="I27" s="393"/>
      <c r="J27" s="393"/>
      <c r="K27" s="393"/>
      <c r="L27" s="393"/>
      <c r="M27" s="393"/>
      <c r="N27" s="393"/>
      <c r="O27" s="393"/>
      <c r="P27" s="393"/>
      <c r="Q27" s="426"/>
      <c r="R27" s="427"/>
      <c r="S27" s="427"/>
      <c r="T27" s="427"/>
      <c r="U27" s="427"/>
      <c r="V27" s="427"/>
      <c r="W27" s="428"/>
      <c r="Y27" s="87"/>
    </row>
    <row r="28" spans="2:25" ht="15" customHeight="1" x14ac:dyDescent="0.15">
      <c r="B28" s="96"/>
      <c r="G28" s="87"/>
      <c r="H28" s="97"/>
      <c r="I28" s="2"/>
      <c r="J28" s="2"/>
      <c r="K28" s="2"/>
      <c r="L28" s="2"/>
      <c r="M28" s="2"/>
      <c r="N28" s="2"/>
      <c r="O28" s="2"/>
      <c r="P28" s="2"/>
      <c r="Q28" s="2"/>
      <c r="R28" s="2"/>
      <c r="S28" s="2"/>
      <c r="T28" s="2"/>
      <c r="U28" s="2"/>
      <c r="Y28" s="330"/>
    </row>
    <row r="29" spans="2:25" ht="29.25" customHeight="1" x14ac:dyDescent="0.15">
      <c r="B29" s="236"/>
      <c r="C29" s="326"/>
      <c r="D29" s="326"/>
      <c r="E29" s="326"/>
      <c r="F29" s="326"/>
      <c r="G29" s="327"/>
      <c r="H29" s="91" t="s">
        <v>891</v>
      </c>
      <c r="I29" s="2"/>
      <c r="Y29" s="87"/>
    </row>
    <row r="30" spans="2:25" ht="12" customHeight="1" x14ac:dyDescent="0.15">
      <c r="B30" s="96"/>
      <c r="G30" s="87"/>
      <c r="H30" s="97"/>
      <c r="I30" s="393" t="s">
        <v>885</v>
      </c>
      <c r="J30" s="393"/>
      <c r="K30" s="393"/>
      <c r="L30" s="393"/>
      <c r="M30" s="393"/>
      <c r="N30" s="393"/>
      <c r="O30" s="393"/>
      <c r="P30" s="393"/>
      <c r="Q30" s="401"/>
      <c r="R30" s="402"/>
      <c r="S30" s="402"/>
      <c r="T30" s="402"/>
      <c r="U30" s="402"/>
      <c r="V30" s="402"/>
      <c r="W30" s="403"/>
      <c r="Y30" s="87"/>
    </row>
    <row r="31" spans="2:25" ht="12" customHeight="1" x14ac:dyDescent="0.15">
      <c r="B31" s="96"/>
      <c r="G31" s="87"/>
      <c r="H31" s="97"/>
      <c r="I31" s="393"/>
      <c r="J31" s="393"/>
      <c r="K31" s="393"/>
      <c r="L31" s="393"/>
      <c r="M31" s="393"/>
      <c r="N31" s="393"/>
      <c r="O31" s="393"/>
      <c r="P31" s="393"/>
      <c r="Q31" s="404"/>
      <c r="R31" s="405"/>
      <c r="S31" s="405"/>
      <c r="T31" s="405"/>
      <c r="U31" s="405"/>
      <c r="V31" s="405"/>
      <c r="W31" s="406"/>
      <c r="Y31" s="87"/>
    </row>
    <row r="32" spans="2:25" ht="12" customHeight="1" x14ac:dyDescent="0.15">
      <c r="B32" s="96"/>
      <c r="G32" s="87"/>
      <c r="H32" s="97"/>
      <c r="I32" s="401" t="s">
        <v>886</v>
      </c>
      <c r="J32" s="402"/>
      <c r="K32" s="402"/>
      <c r="L32" s="402"/>
      <c r="M32" s="402"/>
      <c r="N32" s="402"/>
      <c r="O32" s="402"/>
      <c r="P32" s="403"/>
      <c r="Q32" s="401"/>
      <c r="R32" s="402"/>
      <c r="S32" s="402"/>
      <c r="T32" s="402"/>
      <c r="U32" s="402"/>
      <c r="V32" s="402"/>
      <c r="W32" s="403"/>
      <c r="Y32" s="87"/>
    </row>
    <row r="33" spans="2:25" ht="12" customHeight="1" x14ac:dyDescent="0.15">
      <c r="B33" s="96"/>
      <c r="G33" s="87"/>
      <c r="H33" s="97"/>
      <c r="I33" s="421"/>
      <c r="J33" s="392"/>
      <c r="K33" s="392"/>
      <c r="L33" s="392"/>
      <c r="M33" s="392"/>
      <c r="N33" s="392"/>
      <c r="O33" s="392"/>
      <c r="P33" s="422"/>
      <c r="Q33" s="421"/>
      <c r="R33" s="392"/>
      <c r="S33" s="392"/>
      <c r="T33" s="392"/>
      <c r="U33" s="392"/>
      <c r="V33" s="392"/>
      <c r="W33" s="422"/>
      <c r="Y33" s="87"/>
    </row>
    <row r="34" spans="2:25" ht="12" customHeight="1" x14ac:dyDescent="0.15">
      <c r="B34" s="96"/>
      <c r="G34" s="87"/>
      <c r="H34" s="97"/>
      <c r="I34" s="421"/>
      <c r="J34" s="392"/>
      <c r="K34" s="392"/>
      <c r="L34" s="392"/>
      <c r="M34" s="392"/>
      <c r="N34" s="392"/>
      <c r="O34" s="392"/>
      <c r="P34" s="422"/>
      <c r="Q34" s="421"/>
      <c r="R34" s="392"/>
      <c r="S34" s="392"/>
      <c r="T34" s="392"/>
      <c r="U34" s="392"/>
      <c r="V34" s="392"/>
      <c r="W34" s="422"/>
      <c r="Y34" s="87"/>
    </row>
    <row r="35" spans="2:25" ht="12" customHeight="1" x14ac:dyDescent="0.15">
      <c r="B35" s="96"/>
      <c r="G35" s="87"/>
      <c r="H35" s="97"/>
      <c r="I35" s="404"/>
      <c r="J35" s="405"/>
      <c r="K35" s="405"/>
      <c r="L35" s="405"/>
      <c r="M35" s="405"/>
      <c r="N35" s="405"/>
      <c r="O35" s="405"/>
      <c r="P35" s="406"/>
      <c r="Q35" s="404"/>
      <c r="R35" s="405"/>
      <c r="S35" s="405"/>
      <c r="T35" s="405"/>
      <c r="U35" s="405"/>
      <c r="V35" s="405"/>
      <c r="W35" s="406"/>
      <c r="Y35" s="87"/>
    </row>
    <row r="36" spans="2:25" ht="12" customHeight="1" x14ac:dyDescent="0.15">
      <c r="B36" s="96"/>
      <c r="G36" s="87"/>
      <c r="H36" s="97"/>
      <c r="I36" s="393" t="s">
        <v>887</v>
      </c>
      <c r="J36" s="393"/>
      <c r="K36" s="393"/>
      <c r="L36" s="393"/>
      <c r="M36" s="393"/>
      <c r="N36" s="393"/>
      <c r="O36" s="393"/>
      <c r="P36" s="393"/>
      <c r="Q36" s="423"/>
      <c r="R36" s="424"/>
      <c r="S36" s="424"/>
      <c r="T36" s="424"/>
      <c r="U36" s="424"/>
      <c r="V36" s="424"/>
      <c r="W36" s="425"/>
      <c r="Y36" s="87"/>
    </row>
    <row r="37" spans="2:25" ht="12" customHeight="1" x14ac:dyDescent="0.15">
      <c r="B37" s="96"/>
      <c r="G37" s="87"/>
      <c r="H37" s="97"/>
      <c r="I37" s="393"/>
      <c r="J37" s="393"/>
      <c r="K37" s="393"/>
      <c r="L37" s="393"/>
      <c r="M37" s="393"/>
      <c r="N37" s="393"/>
      <c r="O37" s="393"/>
      <c r="P37" s="393"/>
      <c r="Q37" s="426"/>
      <c r="R37" s="427"/>
      <c r="S37" s="427"/>
      <c r="T37" s="427"/>
      <c r="U37" s="427"/>
      <c r="V37" s="427"/>
      <c r="W37" s="428"/>
      <c r="Y37" s="87"/>
    </row>
    <row r="38" spans="2:25" ht="12" customHeight="1" x14ac:dyDescent="0.15">
      <c r="B38" s="96"/>
      <c r="G38" s="87"/>
      <c r="H38" s="358"/>
      <c r="I38" s="400" t="s">
        <v>888</v>
      </c>
      <c r="J38" s="393"/>
      <c r="K38" s="393"/>
      <c r="L38" s="393"/>
      <c r="M38" s="393"/>
      <c r="N38" s="393"/>
      <c r="O38" s="393"/>
      <c r="P38" s="393"/>
      <c r="Q38" s="394" t="s">
        <v>889</v>
      </c>
      <c r="R38" s="395"/>
      <c r="S38" s="395"/>
      <c r="T38" s="395"/>
      <c r="U38" s="395"/>
      <c r="V38" s="395"/>
      <c r="W38" s="395"/>
      <c r="X38" s="97"/>
      <c r="Y38" s="87"/>
    </row>
    <row r="39" spans="2:25" ht="12" customHeight="1" x14ac:dyDescent="0.15">
      <c r="B39" s="96"/>
      <c r="G39" s="87"/>
      <c r="H39" s="97"/>
      <c r="I39" s="429"/>
      <c r="J39" s="429"/>
      <c r="K39" s="429"/>
      <c r="L39" s="429"/>
      <c r="M39" s="429"/>
      <c r="N39" s="429"/>
      <c r="O39" s="429"/>
      <c r="P39" s="429"/>
      <c r="Q39" s="426"/>
      <c r="R39" s="427"/>
      <c r="S39" s="427"/>
      <c r="T39" s="427"/>
      <c r="U39" s="427"/>
      <c r="V39" s="427"/>
      <c r="W39" s="428"/>
      <c r="Y39" s="87"/>
    </row>
    <row r="40" spans="2:25" ht="12" customHeight="1" x14ac:dyDescent="0.15">
      <c r="B40" s="96"/>
      <c r="G40" s="87"/>
      <c r="H40" s="97"/>
      <c r="I40" s="393" t="s">
        <v>890</v>
      </c>
      <c r="J40" s="393"/>
      <c r="K40" s="393"/>
      <c r="L40" s="393"/>
      <c r="M40" s="393"/>
      <c r="N40" s="393"/>
      <c r="O40" s="393"/>
      <c r="P40" s="393"/>
      <c r="Q40" s="423"/>
      <c r="R40" s="424"/>
      <c r="S40" s="424"/>
      <c r="T40" s="424"/>
      <c r="U40" s="424"/>
      <c r="V40" s="424"/>
      <c r="W40" s="425"/>
      <c r="Y40" s="87"/>
    </row>
    <row r="41" spans="2:25" ht="12" customHeight="1" x14ac:dyDescent="0.15">
      <c r="B41" s="96"/>
      <c r="G41" s="87"/>
      <c r="H41" s="97"/>
      <c r="I41" s="393"/>
      <c r="J41" s="393"/>
      <c r="K41" s="393"/>
      <c r="L41" s="393"/>
      <c r="M41" s="393"/>
      <c r="N41" s="393"/>
      <c r="O41" s="393"/>
      <c r="P41" s="393"/>
      <c r="Q41" s="426"/>
      <c r="R41" s="427"/>
      <c r="S41" s="427"/>
      <c r="T41" s="427"/>
      <c r="U41" s="427"/>
      <c r="V41" s="427"/>
      <c r="W41" s="428"/>
      <c r="Y41" s="87"/>
    </row>
    <row r="42" spans="2:25" ht="15" customHeight="1" x14ac:dyDescent="0.15">
      <c r="B42" s="96"/>
      <c r="G42" s="87"/>
      <c r="H42" s="97"/>
      <c r="I42" s="2"/>
      <c r="J42" s="2"/>
      <c r="K42" s="2"/>
      <c r="L42" s="2"/>
      <c r="M42" s="2"/>
      <c r="N42" s="2"/>
      <c r="O42" s="2"/>
      <c r="P42" s="2"/>
      <c r="Q42" s="2"/>
      <c r="R42" s="2"/>
      <c r="S42" s="2"/>
      <c r="T42" s="2"/>
      <c r="U42" s="2"/>
      <c r="Y42" s="330"/>
    </row>
    <row r="43" spans="2:25" ht="29.25" customHeight="1" x14ac:dyDescent="0.15">
      <c r="B43" s="236"/>
      <c r="C43" s="326"/>
      <c r="D43" s="326"/>
      <c r="E43" s="326"/>
      <c r="F43" s="326"/>
      <c r="G43" s="327"/>
      <c r="H43" s="91" t="s">
        <v>892</v>
      </c>
      <c r="I43" s="2"/>
      <c r="Y43" s="87"/>
    </row>
    <row r="44" spans="2:25" ht="12" customHeight="1" x14ac:dyDescent="0.15">
      <c r="B44" s="96"/>
      <c r="G44" s="87"/>
      <c r="H44" s="97"/>
      <c r="I44" s="393" t="s">
        <v>885</v>
      </c>
      <c r="J44" s="393"/>
      <c r="K44" s="393"/>
      <c r="L44" s="393"/>
      <c r="M44" s="393"/>
      <c r="N44" s="393"/>
      <c r="O44" s="393"/>
      <c r="P44" s="393"/>
      <c r="Q44" s="401"/>
      <c r="R44" s="402"/>
      <c r="S44" s="402"/>
      <c r="T44" s="402"/>
      <c r="U44" s="402"/>
      <c r="V44" s="402"/>
      <c r="W44" s="403"/>
      <c r="Y44" s="87"/>
    </row>
    <row r="45" spans="2:25" ht="12" customHeight="1" x14ac:dyDescent="0.15">
      <c r="B45" s="96"/>
      <c r="G45" s="87"/>
      <c r="H45" s="97"/>
      <c r="I45" s="393"/>
      <c r="J45" s="393"/>
      <c r="K45" s="393"/>
      <c r="L45" s="393"/>
      <c r="M45" s="393"/>
      <c r="N45" s="393"/>
      <c r="O45" s="393"/>
      <c r="P45" s="393"/>
      <c r="Q45" s="404"/>
      <c r="R45" s="405"/>
      <c r="S45" s="405"/>
      <c r="T45" s="405"/>
      <c r="U45" s="405"/>
      <c r="V45" s="405"/>
      <c r="W45" s="406"/>
      <c r="Y45" s="87"/>
    </row>
    <row r="46" spans="2:25" ht="12" customHeight="1" x14ac:dyDescent="0.15">
      <c r="B46" s="96"/>
      <c r="G46" s="87"/>
      <c r="H46" s="97"/>
      <c r="I46" s="401" t="s">
        <v>886</v>
      </c>
      <c r="J46" s="402"/>
      <c r="K46" s="402"/>
      <c r="L46" s="402"/>
      <c r="M46" s="402"/>
      <c r="N46" s="402"/>
      <c r="O46" s="402"/>
      <c r="P46" s="403"/>
      <c r="Q46" s="401"/>
      <c r="R46" s="402"/>
      <c r="S46" s="402"/>
      <c r="T46" s="402"/>
      <c r="U46" s="402"/>
      <c r="V46" s="402"/>
      <c r="W46" s="403"/>
      <c r="Y46" s="87"/>
    </row>
    <row r="47" spans="2:25" ht="12" customHeight="1" x14ac:dyDescent="0.15">
      <c r="B47" s="96"/>
      <c r="G47" s="87"/>
      <c r="H47" s="97"/>
      <c r="I47" s="421"/>
      <c r="J47" s="392"/>
      <c r="K47" s="392"/>
      <c r="L47" s="392"/>
      <c r="M47" s="392"/>
      <c r="N47" s="392"/>
      <c r="O47" s="392"/>
      <c r="P47" s="422"/>
      <c r="Q47" s="421"/>
      <c r="R47" s="392"/>
      <c r="S47" s="392"/>
      <c r="T47" s="392"/>
      <c r="U47" s="392"/>
      <c r="V47" s="392"/>
      <c r="W47" s="422"/>
      <c r="Y47" s="87"/>
    </row>
    <row r="48" spans="2:25" ht="12" customHeight="1" x14ac:dyDescent="0.15">
      <c r="B48" s="96"/>
      <c r="G48" s="87"/>
      <c r="H48" s="97"/>
      <c r="I48" s="421"/>
      <c r="J48" s="392"/>
      <c r="K48" s="392"/>
      <c r="L48" s="392"/>
      <c r="M48" s="392"/>
      <c r="N48" s="392"/>
      <c r="O48" s="392"/>
      <c r="P48" s="422"/>
      <c r="Q48" s="421"/>
      <c r="R48" s="392"/>
      <c r="S48" s="392"/>
      <c r="T48" s="392"/>
      <c r="U48" s="392"/>
      <c r="V48" s="392"/>
      <c r="W48" s="422"/>
      <c r="Y48" s="87"/>
    </row>
    <row r="49" spans="2:25" ht="12" customHeight="1" x14ac:dyDescent="0.15">
      <c r="B49" s="96"/>
      <c r="G49" s="87"/>
      <c r="H49" s="97"/>
      <c r="I49" s="404"/>
      <c r="J49" s="405"/>
      <c r="K49" s="405"/>
      <c r="L49" s="405"/>
      <c r="M49" s="405"/>
      <c r="N49" s="405"/>
      <c r="O49" s="405"/>
      <c r="P49" s="406"/>
      <c r="Q49" s="404"/>
      <c r="R49" s="405"/>
      <c r="S49" s="405"/>
      <c r="T49" s="405"/>
      <c r="U49" s="405"/>
      <c r="V49" s="405"/>
      <c r="W49" s="406"/>
      <c r="Y49" s="87"/>
    </row>
    <row r="50" spans="2:25" ht="12" customHeight="1" x14ac:dyDescent="0.15">
      <c r="B50" s="96"/>
      <c r="G50" s="87"/>
      <c r="H50" s="97"/>
      <c r="I50" s="393" t="s">
        <v>887</v>
      </c>
      <c r="J50" s="393"/>
      <c r="K50" s="393"/>
      <c r="L50" s="393"/>
      <c r="M50" s="393"/>
      <c r="N50" s="393"/>
      <c r="O50" s="393"/>
      <c r="P50" s="393"/>
      <c r="Q50" s="423"/>
      <c r="R50" s="424"/>
      <c r="S50" s="424"/>
      <c r="T50" s="424"/>
      <c r="U50" s="424"/>
      <c r="V50" s="424"/>
      <c r="W50" s="425"/>
      <c r="Y50" s="87"/>
    </row>
    <row r="51" spans="2:25" ht="12" customHeight="1" x14ac:dyDescent="0.15">
      <c r="B51" s="96"/>
      <c r="G51" s="87"/>
      <c r="H51" s="97"/>
      <c r="I51" s="393"/>
      <c r="J51" s="393"/>
      <c r="K51" s="393"/>
      <c r="L51" s="393"/>
      <c r="M51" s="393"/>
      <c r="N51" s="393"/>
      <c r="O51" s="393"/>
      <c r="P51" s="393"/>
      <c r="Q51" s="426"/>
      <c r="R51" s="427"/>
      <c r="S51" s="427"/>
      <c r="T51" s="427"/>
      <c r="U51" s="427"/>
      <c r="V51" s="427"/>
      <c r="W51" s="428"/>
      <c r="Y51" s="87"/>
    </row>
    <row r="52" spans="2:25" ht="12" customHeight="1" x14ac:dyDescent="0.15">
      <c r="B52" s="96"/>
      <c r="G52" s="87"/>
      <c r="H52" s="97"/>
      <c r="I52" s="393" t="s">
        <v>888</v>
      </c>
      <c r="J52" s="393"/>
      <c r="K52" s="393"/>
      <c r="L52" s="393"/>
      <c r="M52" s="393"/>
      <c r="N52" s="393"/>
      <c r="O52" s="393"/>
      <c r="P52" s="393"/>
      <c r="Q52" s="423" t="s">
        <v>889</v>
      </c>
      <c r="R52" s="424"/>
      <c r="S52" s="424"/>
      <c r="T52" s="424"/>
      <c r="U52" s="424"/>
      <c r="V52" s="424"/>
      <c r="W52" s="425"/>
      <c r="Y52" s="87"/>
    </row>
    <row r="53" spans="2:25" ht="12" customHeight="1" x14ac:dyDescent="0.15">
      <c r="B53" s="96"/>
      <c r="G53" s="87"/>
      <c r="H53" s="97"/>
      <c r="I53" s="393"/>
      <c r="J53" s="393"/>
      <c r="K53" s="393"/>
      <c r="L53" s="393"/>
      <c r="M53" s="393"/>
      <c r="N53" s="393"/>
      <c r="O53" s="393"/>
      <c r="P53" s="393"/>
      <c r="Q53" s="426"/>
      <c r="R53" s="427"/>
      <c r="S53" s="427"/>
      <c r="T53" s="427"/>
      <c r="U53" s="427"/>
      <c r="V53" s="427"/>
      <c r="W53" s="428"/>
      <c r="Y53" s="87"/>
    </row>
    <row r="54" spans="2:25" ht="12" customHeight="1" x14ac:dyDescent="0.15">
      <c r="B54" s="96"/>
      <c r="G54" s="87"/>
      <c r="H54" s="97"/>
      <c r="I54" s="393" t="s">
        <v>890</v>
      </c>
      <c r="J54" s="393"/>
      <c r="K54" s="393"/>
      <c r="L54" s="393"/>
      <c r="M54" s="393"/>
      <c r="N54" s="393"/>
      <c r="O54" s="393"/>
      <c r="P54" s="393"/>
      <c r="Q54" s="423"/>
      <c r="R54" s="424"/>
      <c r="S54" s="424"/>
      <c r="T54" s="424"/>
      <c r="U54" s="424"/>
      <c r="V54" s="424"/>
      <c r="W54" s="425"/>
      <c r="Y54" s="87"/>
    </row>
    <row r="55" spans="2:25" ht="12" customHeight="1" x14ac:dyDescent="0.15">
      <c r="B55" s="96"/>
      <c r="G55" s="87"/>
      <c r="H55" s="97"/>
      <c r="I55" s="393"/>
      <c r="J55" s="393"/>
      <c r="K55" s="393"/>
      <c r="L55" s="393"/>
      <c r="M55" s="393"/>
      <c r="N55" s="393"/>
      <c r="O55" s="393"/>
      <c r="P55" s="393"/>
      <c r="Q55" s="426"/>
      <c r="R55" s="427"/>
      <c r="S55" s="427"/>
      <c r="T55" s="427"/>
      <c r="U55" s="427"/>
      <c r="V55" s="427"/>
      <c r="W55" s="428"/>
      <c r="Y55" s="87"/>
    </row>
    <row r="56" spans="2:25" ht="15" customHeight="1" x14ac:dyDescent="0.15">
      <c r="B56" s="278"/>
      <c r="C56" s="59"/>
      <c r="D56" s="59"/>
      <c r="E56" s="59"/>
      <c r="F56" s="59"/>
      <c r="G56" s="60"/>
      <c r="H56" s="123"/>
      <c r="I56" s="59"/>
      <c r="J56" s="59"/>
      <c r="K56" s="59"/>
      <c r="L56" s="59"/>
      <c r="M56" s="59"/>
      <c r="N56" s="59"/>
      <c r="O56" s="59"/>
      <c r="P56" s="59"/>
      <c r="Q56" s="59"/>
      <c r="R56" s="59"/>
      <c r="S56" s="59"/>
      <c r="T56" s="59"/>
      <c r="U56" s="59"/>
      <c r="V56" s="59"/>
      <c r="W56" s="431"/>
      <c r="X56" s="431"/>
      <c r="Y56" s="432"/>
    </row>
    <row r="57" spans="2:25" ht="15" customHeight="1" x14ac:dyDescent="0.15">
      <c r="Y57" s="260"/>
    </row>
    <row r="58" spans="2:25" ht="38.450000000000003" customHeight="1" x14ac:dyDescent="0.15">
      <c r="B58" s="430" t="s">
        <v>893</v>
      </c>
      <c r="C58" s="430"/>
      <c r="D58" s="430"/>
      <c r="E58" s="430"/>
      <c r="F58" s="430"/>
      <c r="G58" s="430"/>
      <c r="H58" s="430"/>
      <c r="I58" s="430"/>
      <c r="J58" s="430"/>
      <c r="K58" s="430"/>
      <c r="L58" s="430"/>
      <c r="M58" s="430"/>
      <c r="N58" s="430"/>
      <c r="O58" s="430"/>
      <c r="P58" s="430"/>
      <c r="Q58" s="430"/>
      <c r="R58" s="430"/>
      <c r="S58" s="430"/>
      <c r="T58" s="430"/>
      <c r="U58" s="430"/>
      <c r="V58" s="430"/>
      <c r="W58" s="430"/>
      <c r="X58" s="430"/>
      <c r="Y58" s="430"/>
    </row>
    <row r="59" spans="2:25" ht="24" customHeight="1" x14ac:dyDescent="0.15">
      <c r="B59" s="430" t="s">
        <v>894</v>
      </c>
      <c r="C59" s="430"/>
      <c r="D59" s="430"/>
      <c r="E59" s="430"/>
      <c r="F59" s="430"/>
      <c r="G59" s="430"/>
      <c r="H59" s="430"/>
      <c r="I59" s="430"/>
      <c r="J59" s="430"/>
      <c r="K59" s="430"/>
      <c r="L59" s="430"/>
      <c r="M59" s="430"/>
      <c r="N59" s="430"/>
      <c r="O59" s="430"/>
      <c r="P59" s="430"/>
      <c r="Q59" s="430"/>
      <c r="R59" s="430"/>
      <c r="S59" s="430"/>
      <c r="T59" s="430"/>
      <c r="U59" s="430"/>
      <c r="V59" s="430"/>
      <c r="W59" s="430"/>
      <c r="X59" s="430"/>
      <c r="Y59" s="430"/>
    </row>
    <row r="60" spans="2:25" ht="24" customHeight="1" x14ac:dyDescent="0.15">
      <c r="B60" s="430" t="s">
        <v>895</v>
      </c>
      <c r="C60" s="430"/>
      <c r="D60" s="430"/>
      <c r="E60" s="430"/>
      <c r="F60" s="430"/>
      <c r="G60" s="430"/>
      <c r="H60" s="430"/>
      <c r="I60" s="430"/>
      <c r="J60" s="430"/>
      <c r="K60" s="430"/>
      <c r="L60" s="430"/>
      <c r="M60" s="430"/>
      <c r="N60" s="430"/>
      <c r="O60" s="430"/>
      <c r="P60" s="430"/>
      <c r="Q60" s="430"/>
      <c r="R60" s="430"/>
      <c r="S60" s="430"/>
      <c r="T60" s="430"/>
      <c r="U60" s="430"/>
      <c r="V60" s="430"/>
      <c r="W60" s="430"/>
      <c r="X60" s="430"/>
      <c r="Y60" s="430"/>
    </row>
    <row r="61" spans="2:25" x14ac:dyDescent="0.15">
      <c r="B61" s="124" t="s">
        <v>358</v>
      </c>
      <c r="D61" s="326"/>
      <c r="E61" s="326"/>
      <c r="F61" s="326"/>
      <c r="G61" s="326"/>
      <c r="H61" s="326"/>
      <c r="I61" s="326"/>
      <c r="J61" s="326"/>
      <c r="K61" s="326"/>
      <c r="L61" s="326"/>
      <c r="M61" s="326"/>
      <c r="N61" s="326"/>
      <c r="O61" s="326"/>
      <c r="P61" s="326"/>
      <c r="Q61" s="326"/>
      <c r="R61" s="326"/>
      <c r="S61" s="326"/>
      <c r="T61" s="326"/>
      <c r="U61" s="326"/>
      <c r="V61" s="326"/>
      <c r="W61" s="326"/>
      <c r="X61" s="326"/>
      <c r="Y61" s="326"/>
    </row>
    <row r="62" spans="2:25" x14ac:dyDescent="0.15">
      <c r="B62" s="124"/>
      <c r="D62" s="262"/>
      <c r="E62" s="262"/>
      <c r="F62" s="262"/>
      <c r="G62" s="262"/>
      <c r="H62" s="262"/>
      <c r="I62" s="262"/>
      <c r="J62" s="262"/>
      <c r="K62" s="262"/>
      <c r="L62" s="262"/>
      <c r="M62" s="262"/>
      <c r="N62" s="262"/>
      <c r="O62" s="262"/>
      <c r="P62" s="262"/>
      <c r="Q62" s="262"/>
      <c r="R62" s="262"/>
      <c r="S62" s="262"/>
      <c r="T62" s="262"/>
      <c r="U62" s="262"/>
      <c r="V62" s="262"/>
      <c r="W62" s="262"/>
      <c r="X62" s="262"/>
      <c r="Y62" s="262"/>
    </row>
    <row r="122" spans="3:7" x14ac:dyDescent="0.15">
      <c r="C122" s="59"/>
      <c r="D122" s="59"/>
      <c r="E122" s="59"/>
      <c r="F122" s="59"/>
      <c r="G122" s="59"/>
    </row>
    <row r="123" spans="3:7" x14ac:dyDescent="0.15">
      <c r="C123" s="57"/>
    </row>
  </sheetData>
  <mergeCells count="38">
    <mergeCell ref="B59:Y59"/>
    <mergeCell ref="B60:Y60"/>
    <mergeCell ref="I52:P53"/>
    <mergeCell ref="Q52:W53"/>
    <mergeCell ref="I54:P55"/>
    <mergeCell ref="Q54:W55"/>
    <mergeCell ref="W56:Y56"/>
    <mergeCell ref="B58:Y58"/>
    <mergeCell ref="I44:P45"/>
    <mergeCell ref="Q44:W45"/>
    <mergeCell ref="I46:P49"/>
    <mergeCell ref="Q46:W49"/>
    <mergeCell ref="I50:P51"/>
    <mergeCell ref="Q50:W51"/>
    <mergeCell ref="I36:P37"/>
    <mergeCell ref="Q36:W37"/>
    <mergeCell ref="I38:P39"/>
    <mergeCell ref="Q38:W39"/>
    <mergeCell ref="I40:P41"/>
    <mergeCell ref="Q40:W41"/>
    <mergeCell ref="I26:P27"/>
    <mergeCell ref="Q26:W27"/>
    <mergeCell ref="I30:P31"/>
    <mergeCell ref="Q30:W31"/>
    <mergeCell ref="I32:P35"/>
    <mergeCell ref="Q32:W35"/>
    <mergeCell ref="I18:P21"/>
    <mergeCell ref="Q18:W21"/>
    <mergeCell ref="I22:P23"/>
    <mergeCell ref="Q22:W23"/>
    <mergeCell ref="I24:P25"/>
    <mergeCell ref="Q24:W25"/>
    <mergeCell ref="S3:T3"/>
    <mergeCell ref="B4:Y4"/>
    <mergeCell ref="H6:Y6"/>
    <mergeCell ref="C15:G15"/>
    <mergeCell ref="I16:P17"/>
    <mergeCell ref="Q16:W17"/>
  </mergeCells>
  <phoneticPr fontId="1"/>
  <dataValidations count="1">
    <dataValidation type="list" allowBlank="1" showInputMessage="1" showErrorMessage="1" sqref="R7 M7 H7:H13 P8:P12">
      <formula1>"□,■"</formula1>
    </dataValidation>
  </dataValidations>
  <pageMargins left="0.7" right="0.7" top="0.75" bottom="0.75" header="0.3" footer="0.3"/>
  <pageSetup paperSize="9" scale="81" orientation="portrait" r:id="rId1"/>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Y123"/>
  <sheetViews>
    <sheetView zoomScaleNormal="100" zoomScaleSheetLayoutView="80" workbookViewId="0">
      <selection activeCell="F61" sqref="F61"/>
    </sheetView>
  </sheetViews>
  <sheetFormatPr defaultColWidth="3.5" defaultRowHeight="13.5" x14ac:dyDescent="0.15"/>
  <cols>
    <col min="1" max="1" width="2.375" style="3" customWidth="1"/>
    <col min="2" max="2" width="3" style="302" customWidth="1"/>
    <col min="3" max="7" width="3.5" style="3"/>
    <col min="8" max="24" width="4.5" style="3" customWidth="1"/>
    <col min="25" max="25" width="5.125" style="3" customWidth="1"/>
    <col min="26" max="16384" width="3.5" style="3"/>
  </cols>
  <sheetData>
    <row r="2" spans="2:25" x14ac:dyDescent="0.15">
      <c r="B2" s="3" t="s">
        <v>500</v>
      </c>
    </row>
    <row r="4" spans="2:25" x14ac:dyDescent="0.15">
      <c r="B4" s="418" t="s">
        <v>334</v>
      </c>
      <c r="C4" s="418"/>
      <c r="D4" s="418"/>
      <c r="E4" s="418"/>
      <c r="F4" s="418"/>
      <c r="G4" s="418"/>
      <c r="H4" s="418"/>
      <c r="I4" s="418"/>
      <c r="J4" s="418"/>
      <c r="K4" s="418"/>
      <c r="L4" s="418"/>
      <c r="M4" s="418"/>
      <c r="N4" s="418"/>
      <c r="O4" s="418"/>
      <c r="P4" s="418"/>
      <c r="Q4" s="418"/>
      <c r="R4" s="418"/>
      <c r="S4" s="418"/>
      <c r="T4" s="418"/>
      <c r="U4" s="418"/>
      <c r="V4" s="418"/>
      <c r="W4" s="418"/>
      <c r="X4" s="418"/>
      <c r="Y4" s="418"/>
    </row>
    <row r="6" spans="2:25" ht="30" customHeight="1" x14ac:dyDescent="0.15">
      <c r="B6" s="249">
        <v>1</v>
      </c>
      <c r="C6" s="315" t="s">
        <v>335</v>
      </c>
      <c r="D6" s="16"/>
      <c r="E6" s="16"/>
      <c r="F6" s="16"/>
      <c r="G6" s="17"/>
      <c r="H6" s="394"/>
      <c r="I6" s="395"/>
      <c r="J6" s="395"/>
      <c r="K6" s="395"/>
      <c r="L6" s="395"/>
      <c r="M6" s="395"/>
      <c r="N6" s="395"/>
      <c r="O6" s="395"/>
      <c r="P6" s="395"/>
      <c r="Q6" s="395"/>
      <c r="R6" s="395"/>
      <c r="S6" s="395"/>
      <c r="T6" s="395"/>
      <c r="U6" s="395"/>
      <c r="V6" s="395"/>
      <c r="W6" s="395"/>
      <c r="X6" s="395"/>
      <c r="Y6" s="396"/>
    </row>
    <row r="7" spans="2:25" ht="30" customHeight="1" x14ac:dyDescent="0.15">
      <c r="B7" s="249">
        <v>2</v>
      </c>
      <c r="C7" s="315" t="s">
        <v>336</v>
      </c>
      <c r="D7" s="315"/>
      <c r="E7" s="315"/>
      <c r="F7" s="315"/>
      <c r="G7" s="321"/>
      <c r="H7" s="107" t="s">
        <v>0</v>
      </c>
      <c r="I7" s="315" t="s">
        <v>87</v>
      </c>
      <c r="J7" s="315"/>
      <c r="K7" s="315"/>
      <c r="L7" s="315"/>
      <c r="M7" s="108" t="s">
        <v>0</v>
      </c>
      <c r="N7" s="315" t="s">
        <v>88</v>
      </c>
      <c r="O7" s="315"/>
      <c r="P7" s="315"/>
      <c r="Q7" s="315"/>
      <c r="R7" s="108" t="s">
        <v>0</v>
      </c>
      <c r="S7" s="315" t="s">
        <v>89</v>
      </c>
      <c r="T7" s="315"/>
      <c r="U7" s="315"/>
      <c r="V7" s="315"/>
      <c r="W7" s="315"/>
      <c r="X7" s="315"/>
      <c r="Y7" s="321"/>
    </row>
    <row r="8" spans="2:25" ht="30" customHeight="1" x14ac:dyDescent="0.15">
      <c r="B8" s="291">
        <v>3</v>
      </c>
      <c r="C8" s="2" t="s">
        <v>337</v>
      </c>
      <c r="D8" s="2"/>
      <c r="E8" s="2"/>
      <c r="F8" s="2"/>
      <c r="G8" s="88"/>
      <c r="H8" s="109" t="s">
        <v>0</v>
      </c>
      <c r="I8" s="290" t="s">
        <v>338</v>
      </c>
      <c r="J8" s="2"/>
      <c r="K8" s="2"/>
      <c r="L8" s="2"/>
      <c r="M8" s="2"/>
      <c r="N8" s="2"/>
      <c r="O8" s="2"/>
      <c r="P8" s="109" t="s">
        <v>0</v>
      </c>
      <c r="Q8" s="290" t="s">
        <v>339</v>
      </c>
      <c r="R8" s="2"/>
      <c r="S8" s="2"/>
      <c r="T8" s="2"/>
      <c r="U8" s="2"/>
      <c r="V8" s="2"/>
      <c r="W8" s="2"/>
      <c r="X8" s="2"/>
      <c r="Y8" s="88"/>
    </row>
    <row r="9" spans="2:25" ht="30" customHeight="1" x14ac:dyDescent="0.15">
      <c r="B9" s="291"/>
      <c r="C9" s="2"/>
      <c r="D9" s="2"/>
      <c r="E9" s="2"/>
      <c r="F9" s="2"/>
      <c r="G9" s="88"/>
      <c r="H9" s="109" t="s">
        <v>0</v>
      </c>
      <c r="I9" s="290" t="s">
        <v>340</v>
      </c>
      <c r="J9" s="2"/>
      <c r="K9" s="2"/>
      <c r="L9" s="2"/>
      <c r="M9" s="2"/>
      <c r="N9" s="2"/>
      <c r="O9" s="2"/>
      <c r="P9" s="109" t="s">
        <v>0</v>
      </c>
      <c r="Q9" s="290" t="s">
        <v>341</v>
      </c>
      <c r="R9" s="2"/>
      <c r="S9" s="2"/>
      <c r="T9" s="2"/>
      <c r="W9" s="2"/>
      <c r="X9" s="2"/>
      <c r="Y9" s="88"/>
    </row>
    <row r="10" spans="2:25" ht="30" customHeight="1" x14ac:dyDescent="0.15">
      <c r="B10" s="291"/>
      <c r="C10" s="2"/>
      <c r="D10" s="2"/>
      <c r="E10" s="2"/>
      <c r="F10" s="2"/>
      <c r="G10" s="88"/>
      <c r="M10" s="2"/>
      <c r="N10" s="2"/>
      <c r="O10" s="2"/>
      <c r="P10" s="2"/>
      <c r="Q10" s="290"/>
      <c r="R10" s="2"/>
      <c r="S10" s="2"/>
      <c r="T10" s="2"/>
      <c r="U10" s="2"/>
      <c r="V10" s="2"/>
      <c r="W10" s="2"/>
      <c r="X10" s="2"/>
      <c r="Y10" s="88"/>
    </row>
    <row r="11" spans="2:25" x14ac:dyDescent="0.15">
      <c r="B11" s="279"/>
      <c r="C11" s="57"/>
      <c r="D11" s="57"/>
      <c r="E11" s="57"/>
      <c r="F11" s="57"/>
      <c r="G11" s="58"/>
      <c r="H11" s="56"/>
      <c r="I11" s="57"/>
      <c r="J11" s="57"/>
      <c r="K11" s="57"/>
      <c r="L11" s="57"/>
      <c r="M11" s="57"/>
      <c r="N11" s="57"/>
      <c r="O11" s="57"/>
      <c r="P11" s="57"/>
      <c r="Q11" s="57"/>
      <c r="R11" s="57"/>
      <c r="S11" s="57"/>
      <c r="T11" s="57"/>
      <c r="U11" s="57"/>
      <c r="V11" s="57"/>
      <c r="W11" s="57"/>
      <c r="X11" s="57"/>
      <c r="Y11" s="58"/>
    </row>
    <row r="12" spans="2:25" ht="29.25" customHeight="1" x14ac:dyDescent="0.15">
      <c r="B12" s="236">
        <v>4</v>
      </c>
      <c r="C12" s="419" t="s">
        <v>342</v>
      </c>
      <c r="D12" s="419"/>
      <c r="E12" s="419"/>
      <c r="F12" s="419"/>
      <c r="G12" s="420"/>
      <c r="H12" s="91" t="s">
        <v>343</v>
      </c>
      <c r="I12" s="2"/>
      <c r="Y12" s="87"/>
    </row>
    <row r="13" spans="2:25" ht="19.5" customHeight="1" x14ac:dyDescent="0.15">
      <c r="B13" s="96"/>
      <c r="G13" s="87"/>
      <c r="H13" s="97"/>
      <c r="I13" s="2" t="s">
        <v>344</v>
      </c>
      <c r="J13" s="2"/>
      <c r="K13" s="2"/>
      <c r="L13" s="2"/>
      <c r="M13" s="2"/>
      <c r="N13" s="2"/>
      <c r="O13" s="2"/>
      <c r="P13" s="2"/>
      <c r="Q13" s="2"/>
      <c r="R13" s="2"/>
      <c r="S13" s="2"/>
      <c r="T13" s="2"/>
      <c r="U13" s="2"/>
      <c r="Y13" s="87"/>
    </row>
    <row r="14" spans="2:25" ht="12" customHeight="1" x14ac:dyDescent="0.15">
      <c r="B14" s="96"/>
      <c r="G14" s="87"/>
      <c r="H14" s="97"/>
      <c r="I14" s="393" t="s">
        <v>345</v>
      </c>
      <c r="J14" s="393"/>
      <c r="K14" s="393"/>
      <c r="L14" s="393"/>
      <c r="M14" s="393"/>
      <c r="N14" s="393"/>
      <c r="O14" s="393"/>
      <c r="P14" s="393"/>
      <c r="Q14" s="401" t="s">
        <v>346</v>
      </c>
      <c r="R14" s="402"/>
      <c r="S14" s="402"/>
      <c r="T14" s="402"/>
      <c r="U14" s="402"/>
      <c r="V14" s="402"/>
      <c r="W14" s="403"/>
      <c r="Y14" s="87"/>
    </row>
    <row r="15" spans="2:25" ht="12" customHeight="1" x14ac:dyDescent="0.15">
      <c r="B15" s="96"/>
      <c r="G15" s="87"/>
      <c r="H15" s="97"/>
      <c r="I15" s="393"/>
      <c r="J15" s="393"/>
      <c r="K15" s="393"/>
      <c r="L15" s="393"/>
      <c r="M15" s="393"/>
      <c r="N15" s="393"/>
      <c r="O15" s="393"/>
      <c r="P15" s="393"/>
      <c r="Q15" s="404"/>
      <c r="R15" s="405"/>
      <c r="S15" s="405"/>
      <c r="T15" s="405"/>
      <c r="U15" s="405"/>
      <c r="V15" s="405"/>
      <c r="W15" s="406"/>
      <c r="Y15" s="87"/>
    </row>
    <row r="16" spans="2:25" ht="12" customHeight="1" x14ac:dyDescent="0.15">
      <c r="B16" s="96"/>
      <c r="G16" s="87"/>
      <c r="H16" s="97"/>
      <c r="I16" s="393" t="s">
        <v>347</v>
      </c>
      <c r="J16" s="393"/>
      <c r="K16" s="393"/>
      <c r="L16" s="393"/>
      <c r="M16" s="393"/>
      <c r="N16" s="393"/>
      <c r="O16" s="393"/>
      <c r="P16" s="393"/>
      <c r="Q16" s="423"/>
      <c r="R16" s="424"/>
      <c r="S16" s="424"/>
      <c r="T16" s="424"/>
      <c r="U16" s="424"/>
      <c r="V16" s="424"/>
      <c r="W16" s="425"/>
      <c r="Y16" s="87"/>
    </row>
    <row r="17" spans="2:25" ht="12" customHeight="1" x14ac:dyDescent="0.15">
      <c r="B17" s="96"/>
      <c r="G17" s="87"/>
      <c r="H17" s="97"/>
      <c r="I17" s="393"/>
      <c r="J17" s="393"/>
      <c r="K17" s="393"/>
      <c r="L17" s="393"/>
      <c r="M17" s="393"/>
      <c r="N17" s="393"/>
      <c r="O17" s="393"/>
      <c r="P17" s="393"/>
      <c r="Q17" s="426"/>
      <c r="R17" s="427"/>
      <c r="S17" s="427"/>
      <c r="T17" s="427"/>
      <c r="U17" s="427"/>
      <c r="V17" s="427"/>
      <c r="W17" s="428"/>
      <c r="Y17" s="87"/>
    </row>
    <row r="18" spans="2:25" ht="12" customHeight="1" x14ac:dyDescent="0.15">
      <c r="B18" s="96"/>
      <c r="G18" s="87"/>
      <c r="H18" s="97"/>
      <c r="I18" s="393" t="s">
        <v>348</v>
      </c>
      <c r="J18" s="393"/>
      <c r="K18" s="393"/>
      <c r="L18" s="393"/>
      <c r="M18" s="393"/>
      <c r="N18" s="393"/>
      <c r="O18" s="393"/>
      <c r="P18" s="393"/>
      <c r="Q18" s="423"/>
      <c r="R18" s="424"/>
      <c r="S18" s="424"/>
      <c r="T18" s="424"/>
      <c r="U18" s="424"/>
      <c r="V18" s="424"/>
      <c r="W18" s="425"/>
      <c r="Y18" s="87"/>
    </row>
    <row r="19" spans="2:25" ht="12" customHeight="1" x14ac:dyDescent="0.15">
      <c r="B19" s="96"/>
      <c r="G19" s="87"/>
      <c r="H19" s="97"/>
      <c r="I19" s="393"/>
      <c r="J19" s="393"/>
      <c r="K19" s="393"/>
      <c r="L19" s="393"/>
      <c r="M19" s="393"/>
      <c r="N19" s="393"/>
      <c r="O19" s="393"/>
      <c r="P19" s="393"/>
      <c r="Q19" s="426"/>
      <c r="R19" s="427"/>
      <c r="S19" s="427"/>
      <c r="T19" s="427"/>
      <c r="U19" s="427"/>
      <c r="V19" s="427"/>
      <c r="W19" s="428"/>
      <c r="Y19" s="87"/>
    </row>
    <row r="20" spans="2:25" ht="12" customHeight="1" x14ac:dyDescent="0.15">
      <c r="B20" s="96"/>
      <c r="G20" s="87"/>
      <c r="H20" s="97"/>
      <c r="I20" s="393" t="s">
        <v>349</v>
      </c>
      <c r="J20" s="393"/>
      <c r="K20" s="393"/>
      <c r="L20" s="393"/>
      <c r="M20" s="393"/>
      <c r="N20" s="393"/>
      <c r="O20" s="393"/>
      <c r="P20" s="393"/>
      <c r="Q20" s="423"/>
      <c r="R20" s="424"/>
      <c r="S20" s="424"/>
      <c r="T20" s="424"/>
      <c r="U20" s="424"/>
      <c r="V20" s="424"/>
      <c r="W20" s="425"/>
      <c r="Y20" s="87"/>
    </row>
    <row r="21" spans="2:25" ht="12" customHeight="1" x14ac:dyDescent="0.15">
      <c r="B21" s="96"/>
      <c r="G21" s="87"/>
      <c r="H21" s="97"/>
      <c r="I21" s="393"/>
      <c r="J21" s="393"/>
      <c r="K21" s="393"/>
      <c r="L21" s="393"/>
      <c r="M21" s="393"/>
      <c r="N21" s="393"/>
      <c r="O21" s="393"/>
      <c r="P21" s="393"/>
      <c r="Q21" s="426"/>
      <c r="R21" s="427"/>
      <c r="S21" s="427"/>
      <c r="T21" s="427"/>
      <c r="U21" s="427"/>
      <c r="V21" s="427"/>
      <c r="W21" s="428"/>
      <c r="Y21" s="87"/>
    </row>
    <row r="22" spans="2:25" ht="12" customHeight="1" x14ac:dyDescent="0.15">
      <c r="B22" s="96"/>
      <c r="G22" s="87"/>
      <c r="H22" s="97"/>
      <c r="I22" s="393" t="s">
        <v>350</v>
      </c>
      <c r="J22" s="393"/>
      <c r="K22" s="393"/>
      <c r="L22" s="393"/>
      <c r="M22" s="393"/>
      <c r="N22" s="393"/>
      <c r="O22" s="393"/>
      <c r="P22" s="393"/>
      <c r="Q22" s="423"/>
      <c r="R22" s="424"/>
      <c r="S22" s="424"/>
      <c r="T22" s="424"/>
      <c r="U22" s="424"/>
      <c r="V22" s="424"/>
      <c r="W22" s="425"/>
      <c r="Y22" s="87"/>
    </row>
    <row r="23" spans="2:25" ht="12" customHeight="1" x14ac:dyDescent="0.15">
      <c r="B23" s="96"/>
      <c r="G23" s="87"/>
      <c r="H23" s="97"/>
      <c r="I23" s="393"/>
      <c r="J23" s="393"/>
      <c r="K23" s="393"/>
      <c r="L23" s="393"/>
      <c r="M23" s="393"/>
      <c r="N23" s="393"/>
      <c r="O23" s="393"/>
      <c r="P23" s="393"/>
      <c r="Q23" s="426"/>
      <c r="R23" s="427"/>
      <c r="S23" s="427"/>
      <c r="T23" s="427"/>
      <c r="U23" s="427"/>
      <c r="V23" s="427"/>
      <c r="W23" s="428"/>
      <c r="Y23" s="87"/>
    </row>
    <row r="24" spans="2:25" ht="12" customHeight="1" x14ac:dyDescent="0.15">
      <c r="B24" s="96"/>
      <c r="G24" s="87"/>
      <c r="H24" s="97"/>
      <c r="I24" s="401" t="s">
        <v>311</v>
      </c>
      <c r="J24" s="402"/>
      <c r="K24" s="402"/>
      <c r="L24" s="402"/>
      <c r="M24" s="402"/>
      <c r="N24" s="402"/>
      <c r="O24" s="402"/>
      <c r="P24" s="403"/>
      <c r="Q24" s="423"/>
      <c r="R24" s="424"/>
      <c r="S24" s="424"/>
      <c r="T24" s="424"/>
      <c r="U24" s="424"/>
      <c r="V24" s="424"/>
      <c r="W24" s="425"/>
      <c r="Y24" s="87"/>
    </row>
    <row r="25" spans="2:25" ht="12" customHeight="1" x14ac:dyDescent="0.15">
      <c r="B25" s="96"/>
      <c r="G25" s="87"/>
      <c r="H25" s="97"/>
      <c r="I25" s="404"/>
      <c r="J25" s="405"/>
      <c r="K25" s="405"/>
      <c r="L25" s="405"/>
      <c r="M25" s="405"/>
      <c r="N25" s="405"/>
      <c r="O25" s="405"/>
      <c r="P25" s="406"/>
      <c r="Q25" s="426"/>
      <c r="R25" s="427"/>
      <c r="S25" s="427"/>
      <c r="T25" s="427"/>
      <c r="U25" s="427"/>
      <c r="V25" s="427"/>
      <c r="W25" s="428"/>
      <c r="Y25" s="87"/>
    </row>
    <row r="26" spans="2:25" ht="12" customHeight="1" x14ac:dyDescent="0.15">
      <c r="B26" s="96"/>
      <c r="G26" s="87"/>
      <c r="H26" s="97"/>
      <c r="I26" s="401"/>
      <c r="J26" s="402"/>
      <c r="K26" s="402"/>
      <c r="L26" s="402"/>
      <c r="M26" s="402"/>
      <c r="N26" s="402"/>
      <c r="O26" s="402"/>
      <c r="P26" s="403"/>
      <c r="Q26" s="423"/>
      <c r="R26" s="424"/>
      <c r="S26" s="424"/>
      <c r="T26" s="424"/>
      <c r="U26" s="424"/>
      <c r="V26" s="424"/>
      <c r="W26" s="425"/>
      <c r="Y26" s="87"/>
    </row>
    <row r="27" spans="2:25" ht="12" customHeight="1" x14ac:dyDescent="0.15">
      <c r="B27" s="96"/>
      <c r="G27" s="87"/>
      <c r="H27" s="97"/>
      <c r="I27" s="404"/>
      <c r="J27" s="405"/>
      <c r="K27" s="405"/>
      <c r="L27" s="405"/>
      <c r="M27" s="405"/>
      <c r="N27" s="405"/>
      <c r="O27" s="405"/>
      <c r="P27" s="406"/>
      <c r="Q27" s="426"/>
      <c r="R27" s="427"/>
      <c r="S27" s="427"/>
      <c r="T27" s="427"/>
      <c r="U27" s="427"/>
      <c r="V27" s="427"/>
      <c r="W27" s="428"/>
      <c r="Y27" s="87"/>
    </row>
    <row r="28" spans="2:25" ht="12" customHeight="1" x14ac:dyDescent="0.15">
      <c r="B28" s="96"/>
      <c r="G28" s="87"/>
      <c r="H28" s="97"/>
      <c r="I28" s="393"/>
      <c r="J28" s="393"/>
      <c r="K28" s="393"/>
      <c r="L28" s="393"/>
      <c r="M28" s="393"/>
      <c r="N28" s="393"/>
      <c r="O28" s="393"/>
      <c r="P28" s="393"/>
      <c r="Q28" s="423"/>
      <c r="R28" s="424"/>
      <c r="S28" s="424"/>
      <c r="T28" s="424"/>
      <c r="U28" s="424"/>
      <c r="V28" s="424"/>
      <c r="W28" s="425"/>
      <c r="Y28" s="87"/>
    </row>
    <row r="29" spans="2:25" s="353" customFormat="1" ht="12" customHeight="1" x14ac:dyDescent="0.15">
      <c r="B29" s="96"/>
      <c r="C29" s="3"/>
      <c r="D29" s="3"/>
      <c r="E29" s="3"/>
      <c r="F29" s="3"/>
      <c r="G29" s="87"/>
      <c r="H29" s="196"/>
      <c r="I29" s="393"/>
      <c r="J29" s="393"/>
      <c r="K29" s="393"/>
      <c r="L29" s="393"/>
      <c r="M29" s="393"/>
      <c r="N29" s="393"/>
      <c r="O29" s="393"/>
      <c r="P29" s="393"/>
      <c r="Q29" s="426"/>
      <c r="R29" s="427"/>
      <c r="S29" s="427"/>
      <c r="T29" s="427"/>
      <c r="U29" s="427"/>
      <c r="V29" s="427"/>
      <c r="W29" s="428"/>
      <c r="Y29" s="195"/>
    </row>
    <row r="30" spans="2:25" ht="15" customHeight="1" x14ac:dyDescent="0.15">
      <c r="B30" s="96"/>
      <c r="G30" s="87"/>
      <c r="H30" s="97"/>
      <c r="I30" s="2"/>
      <c r="J30" s="2"/>
      <c r="K30" s="2"/>
      <c r="L30" s="2"/>
      <c r="M30" s="2"/>
      <c r="N30" s="2"/>
      <c r="O30" s="2"/>
      <c r="P30" s="2"/>
      <c r="Q30" s="2"/>
      <c r="R30" s="2"/>
      <c r="S30" s="2"/>
      <c r="T30" s="2"/>
      <c r="U30" s="2"/>
      <c r="Y30" s="330"/>
    </row>
    <row r="31" spans="2:25" ht="20.25" customHeight="1" x14ac:dyDescent="0.15">
      <c r="B31" s="96"/>
      <c r="G31" s="87"/>
      <c r="H31" s="91" t="s">
        <v>351</v>
      </c>
      <c r="I31" s="2"/>
      <c r="J31" s="2"/>
      <c r="K31" s="2"/>
      <c r="L31" s="2"/>
      <c r="M31" s="2"/>
      <c r="N31" s="2"/>
      <c r="O31" s="2"/>
      <c r="P31" s="2"/>
      <c r="Q31" s="2"/>
      <c r="R31" s="2"/>
      <c r="S31" s="2"/>
      <c r="T31" s="2"/>
      <c r="U31" s="2"/>
      <c r="Y31" s="330"/>
    </row>
    <row r="32" spans="2:25" ht="9.75" customHeight="1" x14ac:dyDescent="0.15">
      <c r="B32" s="96"/>
      <c r="G32" s="87"/>
      <c r="H32" s="91"/>
      <c r="I32" s="2"/>
      <c r="J32" s="2"/>
      <c r="K32" s="2"/>
      <c r="L32" s="2"/>
      <c r="M32" s="2"/>
      <c r="N32" s="2"/>
      <c r="O32" s="2"/>
      <c r="P32" s="2"/>
      <c r="Q32" s="2"/>
      <c r="R32" s="2"/>
      <c r="S32" s="2"/>
      <c r="T32" s="2"/>
      <c r="U32" s="2"/>
      <c r="Y32" s="330"/>
    </row>
    <row r="33" spans="1:25" ht="22.5" customHeight="1" x14ac:dyDescent="0.15">
      <c r="B33" s="96"/>
      <c r="G33" s="87"/>
      <c r="H33" s="97"/>
      <c r="I33" s="454" t="s">
        <v>352</v>
      </c>
      <c r="J33" s="455"/>
      <c r="K33" s="455"/>
      <c r="L33" s="455"/>
      <c r="M33" s="455"/>
      <c r="N33" s="455"/>
      <c r="O33" s="455"/>
      <c r="P33" s="455"/>
      <c r="Q33" s="455"/>
      <c r="R33" s="456"/>
      <c r="S33" s="401"/>
      <c r="T33" s="402"/>
      <c r="U33" s="403" t="s">
        <v>181</v>
      </c>
      <c r="Y33" s="87"/>
    </row>
    <row r="34" spans="1:25" ht="22.5" customHeight="1" x14ac:dyDescent="0.15">
      <c r="B34" s="96"/>
      <c r="G34" s="87"/>
      <c r="H34" s="97"/>
      <c r="I34" s="459"/>
      <c r="J34" s="397"/>
      <c r="K34" s="397"/>
      <c r="L34" s="397"/>
      <c r="M34" s="397"/>
      <c r="N34" s="397"/>
      <c r="O34" s="397"/>
      <c r="P34" s="397"/>
      <c r="Q34" s="397"/>
      <c r="R34" s="460"/>
      <c r="S34" s="404"/>
      <c r="T34" s="405"/>
      <c r="U34" s="406"/>
      <c r="Y34" s="87"/>
    </row>
    <row r="35" spans="1:25" ht="11.25" customHeight="1" x14ac:dyDescent="0.15">
      <c r="B35" s="96"/>
      <c r="G35" s="87"/>
      <c r="H35" s="91"/>
      <c r="I35" s="2"/>
      <c r="J35" s="2"/>
      <c r="K35" s="2"/>
      <c r="L35" s="2"/>
      <c r="M35" s="2"/>
      <c r="N35" s="2"/>
      <c r="O35" s="2"/>
      <c r="P35" s="2"/>
      <c r="Q35" s="2"/>
      <c r="R35" s="2"/>
      <c r="S35" s="2"/>
      <c r="T35" s="2"/>
      <c r="U35" s="2"/>
      <c r="Y35" s="330"/>
    </row>
    <row r="36" spans="1:25" ht="27.75" customHeight="1" x14ac:dyDescent="0.15">
      <c r="B36" s="96"/>
      <c r="G36" s="87"/>
      <c r="H36" s="97"/>
      <c r="I36" s="454" t="s">
        <v>353</v>
      </c>
      <c r="J36" s="455"/>
      <c r="K36" s="455"/>
      <c r="L36" s="455"/>
      <c r="M36" s="455"/>
      <c r="N36" s="455"/>
      <c r="O36" s="455"/>
      <c r="P36" s="455"/>
      <c r="Q36" s="455"/>
      <c r="R36" s="456"/>
      <c r="S36" s="401"/>
      <c r="T36" s="402"/>
      <c r="U36" s="403" t="s">
        <v>181</v>
      </c>
      <c r="V36" s="421" t="s">
        <v>184</v>
      </c>
      <c r="W36" s="438" t="s">
        <v>354</v>
      </c>
      <c r="X36" s="438"/>
      <c r="Y36" s="614"/>
    </row>
    <row r="37" spans="1:25" ht="21.75" customHeight="1" x14ac:dyDescent="0.15">
      <c r="B37" s="96"/>
      <c r="G37" s="87"/>
      <c r="H37" s="97"/>
      <c r="I37" s="459"/>
      <c r="J37" s="397"/>
      <c r="K37" s="397"/>
      <c r="L37" s="397"/>
      <c r="M37" s="397"/>
      <c r="N37" s="397"/>
      <c r="O37" s="397"/>
      <c r="P37" s="397"/>
      <c r="Q37" s="397"/>
      <c r="R37" s="460"/>
      <c r="S37" s="404"/>
      <c r="T37" s="405"/>
      <c r="U37" s="406"/>
      <c r="V37" s="421"/>
      <c r="W37" s="438"/>
      <c r="X37" s="438"/>
      <c r="Y37" s="614"/>
    </row>
    <row r="38" spans="1:25" ht="21.75" customHeight="1" x14ac:dyDescent="0.15">
      <c r="B38" s="96"/>
      <c r="G38" s="87"/>
      <c r="I38" s="269"/>
      <c r="J38" s="269"/>
      <c r="K38" s="269"/>
      <c r="L38" s="269"/>
      <c r="M38" s="269"/>
      <c r="N38" s="269"/>
      <c r="O38" s="269"/>
      <c r="P38" s="269"/>
      <c r="Q38" s="269"/>
      <c r="R38" s="269"/>
      <c r="S38" s="369"/>
      <c r="T38" s="369"/>
      <c r="U38" s="369"/>
      <c r="V38" s="272"/>
      <c r="W38" s="397" t="s">
        <v>355</v>
      </c>
      <c r="X38" s="397"/>
      <c r="Y38" s="460"/>
    </row>
    <row r="39" spans="1:25" ht="21.75" customHeight="1" x14ac:dyDescent="0.15">
      <c r="A39" s="87"/>
      <c r="H39" s="358"/>
      <c r="I39" s="407" t="s">
        <v>356</v>
      </c>
      <c r="J39" s="407"/>
      <c r="K39" s="407"/>
      <c r="L39" s="407"/>
      <c r="M39" s="407"/>
      <c r="N39" s="407"/>
      <c r="O39" s="407"/>
      <c r="P39" s="407"/>
      <c r="Q39" s="407"/>
      <c r="R39" s="458"/>
      <c r="S39" s="421"/>
      <c r="T39" s="392"/>
      <c r="U39" s="422" t="s">
        <v>181</v>
      </c>
      <c r="V39" s="272"/>
      <c r="W39" s="407"/>
      <c r="X39" s="407"/>
      <c r="Y39" s="458"/>
    </row>
    <row r="40" spans="1:25" ht="21.75" customHeight="1" x14ac:dyDescent="0.15">
      <c r="B40" s="96"/>
      <c r="G40" s="87"/>
      <c r="H40" s="97"/>
      <c r="I40" s="459"/>
      <c r="J40" s="397"/>
      <c r="K40" s="397"/>
      <c r="L40" s="397"/>
      <c r="M40" s="397"/>
      <c r="N40" s="397"/>
      <c r="O40" s="397"/>
      <c r="P40" s="397"/>
      <c r="Q40" s="397"/>
      <c r="R40" s="460"/>
      <c r="S40" s="404"/>
      <c r="T40" s="405"/>
      <c r="U40" s="406"/>
      <c r="V40" s="272"/>
      <c r="W40" s="407"/>
      <c r="X40" s="407"/>
      <c r="Y40" s="458"/>
    </row>
    <row r="41" spans="1:25" ht="15" customHeight="1" x14ac:dyDescent="0.15">
      <c r="B41" s="96"/>
      <c r="G41" s="87"/>
      <c r="H41" s="97"/>
      <c r="I41" s="2"/>
      <c r="J41" s="2"/>
      <c r="K41" s="2"/>
      <c r="L41" s="2"/>
      <c r="M41" s="2"/>
      <c r="N41" s="2"/>
      <c r="O41" s="2"/>
      <c r="P41" s="2"/>
      <c r="Q41" s="2"/>
      <c r="R41" s="2"/>
      <c r="S41" s="2"/>
      <c r="T41" s="2"/>
      <c r="U41" s="2"/>
      <c r="W41" s="407"/>
      <c r="X41" s="407"/>
      <c r="Y41" s="458"/>
    </row>
    <row r="42" spans="1:25" ht="15" customHeight="1" x14ac:dyDescent="0.15">
      <c r="B42" s="278"/>
      <c r="C42" s="59"/>
      <c r="D42" s="59"/>
      <c r="E42" s="59"/>
      <c r="F42" s="59"/>
      <c r="G42" s="60"/>
      <c r="H42" s="123"/>
      <c r="I42" s="59"/>
      <c r="J42" s="59"/>
      <c r="K42" s="59"/>
      <c r="L42" s="59"/>
      <c r="M42" s="59"/>
      <c r="N42" s="59"/>
      <c r="O42" s="59"/>
      <c r="P42" s="59"/>
      <c r="Q42" s="59"/>
      <c r="R42" s="59"/>
      <c r="S42" s="59"/>
      <c r="T42" s="59"/>
      <c r="U42" s="59"/>
      <c r="V42" s="59"/>
      <c r="W42" s="397"/>
      <c r="X42" s="397"/>
      <c r="Y42" s="460"/>
    </row>
    <row r="43" spans="1:25" ht="15" customHeight="1" x14ac:dyDescent="0.15">
      <c r="Y43" s="260"/>
    </row>
    <row r="44" spans="1:25" x14ac:dyDescent="0.15">
      <c r="B44" s="124" t="s">
        <v>357</v>
      </c>
      <c r="D44" s="326"/>
      <c r="E44" s="326"/>
      <c r="F44" s="326"/>
      <c r="G44" s="326"/>
      <c r="H44" s="326"/>
      <c r="I44" s="326"/>
      <c r="J44" s="326"/>
      <c r="K44" s="326"/>
      <c r="L44" s="326"/>
      <c r="M44" s="326"/>
      <c r="N44" s="326"/>
      <c r="O44" s="326"/>
      <c r="P44" s="326"/>
      <c r="Q44" s="326"/>
      <c r="R44" s="326"/>
      <c r="S44" s="326"/>
      <c r="T44" s="326"/>
      <c r="U44" s="326"/>
      <c r="V44" s="326"/>
      <c r="W44" s="326"/>
      <c r="X44" s="326"/>
      <c r="Y44" s="326"/>
    </row>
    <row r="45" spans="1:25" x14ac:dyDescent="0.15">
      <c r="B45" s="124" t="s">
        <v>358</v>
      </c>
      <c r="D45" s="326"/>
      <c r="E45" s="326"/>
      <c r="F45" s="326"/>
      <c r="G45" s="326"/>
      <c r="H45" s="326"/>
      <c r="I45" s="326"/>
      <c r="J45" s="326"/>
      <c r="K45" s="326"/>
      <c r="L45" s="326"/>
      <c r="M45" s="326"/>
      <c r="N45" s="326"/>
      <c r="O45" s="326"/>
      <c r="P45" s="326"/>
      <c r="Q45" s="326"/>
      <c r="R45" s="326"/>
      <c r="S45" s="326"/>
      <c r="T45" s="326"/>
      <c r="U45" s="326"/>
      <c r="V45" s="326"/>
      <c r="W45" s="326"/>
      <c r="X45" s="326"/>
      <c r="Y45" s="326"/>
    </row>
    <row r="46" spans="1:25" x14ac:dyDescent="0.15">
      <c r="B46" s="124"/>
      <c r="D46" s="262"/>
      <c r="E46" s="262"/>
      <c r="F46" s="262"/>
      <c r="G46" s="262"/>
      <c r="H46" s="262"/>
      <c r="I46" s="262"/>
      <c r="J46" s="262"/>
      <c r="K46" s="262"/>
      <c r="L46" s="262"/>
      <c r="M46" s="262"/>
      <c r="N46" s="262"/>
      <c r="O46" s="262"/>
      <c r="P46" s="262"/>
      <c r="Q46" s="262"/>
      <c r="R46" s="262"/>
      <c r="S46" s="262"/>
      <c r="T46" s="262"/>
      <c r="U46" s="262"/>
      <c r="V46" s="262"/>
      <c r="W46" s="262"/>
      <c r="X46" s="262"/>
      <c r="Y46" s="262"/>
    </row>
    <row r="122" spans="3:7" x14ac:dyDescent="0.15">
      <c r="C122" s="59"/>
      <c r="D122" s="59"/>
      <c r="E122" s="59"/>
      <c r="F122" s="59"/>
      <c r="G122" s="59"/>
    </row>
    <row r="123" spans="3:7" x14ac:dyDescent="0.15">
      <c r="C123" s="57"/>
    </row>
  </sheetData>
  <mergeCells count="31">
    <mergeCell ref="V36:V37"/>
    <mergeCell ref="W36:Y37"/>
    <mergeCell ref="W38:Y42"/>
    <mergeCell ref="I39:R40"/>
    <mergeCell ref="S39:T40"/>
    <mergeCell ref="U39:U40"/>
    <mergeCell ref="I33:R34"/>
    <mergeCell ref="S33:T34"/>
    <mergeCell ref="U33:U34"/>
    <mergeCell ref="I36:R37"/>
    <mergeCell ref="S36:T37"/>
    <mergeCell ref="U36:U37"/>
    <mergeCell ref="I24:P25"/>
    <mergeCell ref="Q24:W25"/>
    <mergeCell ref="I26:P27"/>
    <mergeCell ref="Q26:W27"/>
    <mergeCell ref="I28:P29"/>
    <mergeCell ref="Q28:W29"/>
    <mergeCell ref="I18:P19"/>
    <mergeCell ref="Q18:W19"/>
    <mergeCell ref="I20:P21"/>
    <mergeCell ref="Q20:W21"/>
    <mergeCell ref="I22:P23"/>
    <mergeCell ref="Q22:W23"/>
    <mergeCell ref="I16:P17"/>
    <mergeCell ref="Q16:W17"/>
    <mergeCell ref="B4:Y4"/>
    <mergeCell ref="H6:Y6"/>
    <mergeCell ref="C12:G12"/>
    <mergeCell ref="I14:P15"/>
    <mergeCell ref="Q14:W15"/>
  </mergeCells>
  <phoneticPr fontId="1"/>
  <dataValidations count="1">
    <dataValidation type="list" allowBlank="1" showInputMessage="1" showErrorMessage="1" sqref="M7 R7 P8:P9 H7:H9">
      <formula1>"□,■"</formula1>
    </dataValidation>
  </dataValidations>
  <pageMargins left="0.7" right="0.7" top="0.75" bottom="0.75" header="0.3" footer="0.3"/>
  <pageSetup paperSize="9" scale="85" orientation="portrait" r:id="rId1"/>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Z123"/>
  <sheetViews>
    <sheetView zoomScaleNormal="100" workbookViewId="0">
      <selection activeCell="F61" sqref="F61"/>
    </sheetView>
  </sheetViews>
  <sheetFormatPr defaultColWidth="3.5" defaultRowHeight="13.5" x14ac:dyDescent="0.15"/>
  <cols>
    <col min="1" max="1" width="1.75" style="3" customWidth="1"/>
    <col min="2" max="2" width="3" style="302" customWidth="1"/>
    <col min="3" max="18" width="3.5" style="3"/>
    <col min="19" max="19" width="3.875" style="3" customWidth="1"/>
    <col min="20" max="26" width="3.5" style="3"/>
    <col min="27" max="27" width="1.375" style="3" customWidth="1"/>
    <col min="28" max="16384" width="3.5" style="3"/>
  </cols>
  <sheetData>
    <row r="1" spans="2:26" s="290" customFormat="1" x14ac:dyDescent="0.15"/>
    <row r="2" spans="2:26" s="290" customFormat="1" x14ac:dyDescent="0.15">
      <c r="B2" s="290" t="s">
        <v>913</v>
      </c>
    </row>
    <row r="3" spans="2:26" s="290" customFormat="1" x14ac:dyDescent="0.15"/>
    <row r="4" spans="2:26" s="290" customFormat="1" x14ac:dyDescent="0.15">
      <c r="B4" s="392" t="s">
        <v>501</v>
      </c>
      <c r="C4" s="392"/>
      <c r="D4" s="392"/>
      <c r="E4" s="392"/>
      <c r="F4" s="392"/>
      <c r="G4" s="392"/>
      <c r="H4" s="392"/>
      <c r="I4" s="392"/>
      <c r="J4" s="392"/>
      <c r="K4" s="392"/>
      <c r="L4" s="392"/>
      <c r="M4" s="392"/>
      <c r="N4" s="392"/>
      <c r="O4" s="392"/>
      <c r="P4" s="392"/>
      <c r="Q4" s="392"/>
      <c r="R4" s="392"/>
      <c r="S4" s="392"/>
      <c r="T4" s="392"/>
      <c r="U4" s="392"/>
      <c r="V4" s="392"/>
      <c r="W4" s="392"/>
      <c r="X4" s="392"/>
      <c r="Y4" s="392"/>
      <c r="Z4" s="392"/>
    </row>
    <row r="5" spans="2:26" s="290" customFormat="1" x14ac:dyDescent="0.15"/>
    <row r="6" spans="2:26" s="290" customFormat="1" ht="31.5" customHeight="1" x14ac:dyDescent="0.15">
      <c r="B6" s="393" t="s">
        <v>85</v>
      </c>
      <c r="C6" s="393"/>
      <c r="D6" s="393"/>
      <c r="E6" s="393"/>
      <c r="F6" s="393"/>
      <c r="G6" s="394"/>
      <c r="H6" s="395"/>
      <c r="I6" s="395"/>
      <c r="J6" s="395"/>
      <c r="K6" s="395"/>
      <c r="L6" s="395"/>
      <c r="M6" s="395"/>
      <c r="N6" s="395"/>
      <c r="O6" s="395"/>
      <c r="P6" s="395"/>
      <c r="Q6" s="395"/>
      <c r="R6" s="395"/>
      <c r="S6" s="395"/>
      <c r="T6" s="395"/>
      <c r="U6" s="395"/>
      <c r="V6" s="395"/>
      <c r="W6" s="395"/>
      <c r="X6" s="395"/>
      <c r="Y6" s="395"/>
      <c r="Z6" s="396"/>
    </row>
    <row r="7" spans="2:26" s="290" customFormat="1" ht="31.5" customHeight="1" x14ac:dyDescent="0.15">
      <c r="B7" s="398" t="s">
        <v>86</v>
      </c>
      <c r="C7" s="399"/>
      <c r="D7" s="399"/>
      <c r="E7" s="399"/>
      <c r="F7" s="400"/>
      <c r="G7" s="107" t="s">
        <v>0</v>
      </c>
      <c r="H7" s="315" t="s">
        <v>87</v>
      </c>
      <c r="I7" s="315"/>
      <c r="J7" s="315"/>
      <c r="K7" s="315"/>
      <c r="L7" s="108" t="s">
        <v>0</v>
      </c>
      <c r="M7" s="315" t="s">
        <v>88</v>
      </c>
      <c r="N7" s="315"/>
      <c r="O7" s="315"/>
      <c r="P7" s="315"/>
      <c r="Q7" s="108" t="s">
        <v>0</v>
      </c>
      <c r="R7" s="315" t="s">
        <v>89</v>
      </c>
      <c r="S7" s="315"/>
      <c r="T7" s="315"/>
      <c r="U7" s="315"/>
      <c r="V7" s="315"/>
      <c r="W7" s="315"/>
      <c r="X7" s="315"/>
      <c r="Y7" s="315"/>
      <c r="Z7" s="321"/>
    </row>
    <row r="8" spans="2:26" s="290" customFormat="1" ht="31.5" customHeight="1" x14ac:dyDescent="0.15">
      <c r="B8" s="398" t="s">
        <v>90</v>
      </c>
      <c r="C8" s="399"/>
      <c r="D8" s="399"/>
      <c r="E8" s="399"/>
      <c r="F8" s="400"/>
      <c r="G8" s="107" t="s">
        <v>0</v>
      </c>
      <c r="H8" s="315" t="s">
        <v>91</v>
      </c>
      <c r="I8" s="315"/>
      <c r="J8" s="315"/>
      <c r="K8" s="315"/>
      <c r="L8" s="315"/>
      <c r="M8" s="315"/>
      <c r="N8" s="315"/>
      <c r="O8" s="315"/>
      <c r="P8" s="315"/>
      <c r="Q8" s="108" t="s">
        <v>0</v>
      </c>
      <c r="R8" s="315" t="s">
        <v>235</v>
      </c>
      <c r="S8" s="315"/>
      <c r="T8" s="315"/>
      <c r="U8" s="315"/>
      <c r="V8" s="315"/>
      <c r="W8" s="317"/>
      <c r="X8" s="317"/>
      <c r="Y8" s="317"/>
      <c r="Z8" s="325"/>
    </row>
    <row r="9" spans="2:26" s="290" customFormat="1" x14ac:dyDescent="0.15"/>
    <row r="10" spans="2:26" s="290" customFormat="1" x14ac:dyDescent="0.15">
      <c r="B10" s="296"/>
      <c r="C10" s="297"/>
      <c r="D10" s="297"/>
      <c r="E10" s="297"/>
      <c r="F10" s="297"/>
      <c r="G10" s="297"/>
      <c r="H10" s="297"/>
      <c r="I10" s="297"/>
      <c r="J10" s="297"/>
      <c r="K10" s="297"/>
      <c r="L10" s="297"/>
      <c r="M10" s="297"/>
      <c r="N10" s="297"/>
      <c r="O10" s="297"/>
      <c r="P10" s="297"/>
      <c r="Q10" s="297"/>
      <c r="R10" s="297"/>
      <c r="S10" s="297"/>
      <c r="T10" s="297"/>
      <c r="U10" s="297"/>
      <c r="V10" s="297"/>
      <c r="W10" s="297"/>
      <c r="X10" s="297"/>
      <c r="Y10" s="297"/>
      <c r="Z10" s="298"/>
    </row>
    <row r="11" spans="2:26" s="290" customFormat="1" x14ac:dyDescent="0.15">
      <c r="B11" s="295" t="s">
        <v>502</v>
      </c>
      <c r="Z11" s="294"/>
    </row>
    <row r="12" spans="2:26" s="290" customFormat="1" x14ac:dyDescent="0.15">
      <c r="B12" s="295"/>
      <c r="L12" s="272"/>
      <c r="Q12" s="272"/>
      <c r="V12" s="272"/>
      <c r="Z12" s="294"/>
    </row>
    <row r="13" spans="2:26" s="290" customFormat="1" x14ac:dyDescent="0.15">
      <c r="B13" s="295"/>
      <c r="C13" s="290" t="s">
        <v>503</v>
      </c>
      <c r="Z13" s="294"/>
    </row>
    <row r="14" spans="2:26" s="290" customFormat="1" ht="4.5" customHeight="1" x14ac:dyDescent="0.15">
      <c r="B14" s="295"/>
      <c r="Z14" s="294"/>
    </row>
    <row r="15" spans="2:26" s="290" customFormat="1" ht="24" customHeight="1" x14ac:dyDescent="0.15">
      <c r="B15" s="295"/>
      <c r="C15" s="394"/>
      <c r="D15" s="395"/>
      <c r="E15" s="395"/>
      <c r="F15" s="395"/>
      <c r="G15" s="395"/>
      <c r="H15" s="395"/>
      <c r="I15" s="395"/>
      <c r="J15" s="395"/>
      <c r="K15" s="395"/>
      <c r="L15" s="395"/>
      <c r="M15" s="395"/>
      <c r="N15" s="395"/>
      <c r="O15" s="395"/>
      <c r="P15" s="395"/>
      <c r="Q15" s="395"/>
      <c r="R15" s="395"/>
      <c r="S15" s="395"/>
      <c r="T15" s="395"/>
      <c r="U15" s="395"/>
      <c r="V15" s="395"/>
      <c r="W15" s="395"/>
      <c r="X15" s="395"/>
      <c r="Y15" s="396"/>
      <c r="Z15" s="292"/>
    </row>
    <row r="16" spans="2:26" s="290" customFormat="1" ht="21" customHeight="1" x14ac:dyDescent="0.15">
      <c r="B16" s="295"/>
      <c r="C16" s="394"/>
      <c r="D16" s="395"/>
      <c r="E16" s="395"/>
      <c r="F16" s="395"/>
      <c r="G16" s="395"/>
      <c r="H16" s="395"/>
      <c r="I16" s="395"/>
      <c r="J16" s="395"/>
      <c r="K16" s="395"/>
      <c r="L16" s="395"/>
      <c r="M16" s="395"/>
      <c r="N16" s="395"/>
      <c r="O16" s="395"/>
      <c r="P16" s="395"/>
      <c r="Q16" s="395"/>
      <c r="R16" s="395"/>
      <c r="S16" s="395"/>
      <c r="T16" s="395"/>
      <c r="U16" s="395"/>
      <c r="V16" s="395"/>
      <c r="W16" s="395"/>
      <c r="X16" s="395"/>
      <c r="Y16" s="396"/>
      <c r="Z16" s="294"/>
    </row>
    <row r="17" spans="2:26" s="290" customFormat="1" ht="21" customHeight="1" x14ac:dyDescent="0.15">
      <c r="B17" s="295"/>
      <c r="C17" s="394"/>
      <c r="D17" s="395"/>
      <c r="E17" s="395"/>
      <c r="F17" s="395"/>
      <c r="G17" s="395"/>
      <c r="H17" s="395"/>
      <c r="I17" s="395"/>
      <c r="J17" s="395"/>
      <c r="K17" s="395"/>
      <c r="L17" s="395"/>
      <c r="M17" s="395"/>
      <c r="N17" s="395"/>
      <c r="O17" s="395"/>
      <c r="P17" s="395"/>
      <c r="Q17" s="395"/>
      <c r="R17" s="395"/>
      <c r="S17" s="395"/>
      <c r="T17" s="395"/>
      <c r="U17" s="395"/>
      <c r="V17" s="395"/>
      <c r="W17" s="395"/>
      <c r="X17" s="395"/>
      <c r="Y17" s="396"/>
      <c r="Z17" s="294"/>
    </row>
    <row r="18" spans="2:26" s="290" customFormat="1" x14ac:dyDescent="0.15">
      <c r="B18" s="295"/>
      <c r="C18" s="290" t="s">
        <v>504</v>
      </c>
      <c r="Z18" s="294"/>
    </row>
    <row r="19" spans="2:26" s="290" customFormat="1" ht="4.5" customHeight="1" x14ac:dyDescent="0.15">
      <c r="B19" s="295"/>
      <c r="Z19" s="294"/>
    </row>
    <row r="20" spans="2:26" s="290" customFormat="1" ht="24" customHeight="1" x14ac:dyDescent="0.15">
      <c r="B20" s="295"/>
      <c r="C20" s="393" t="s">
        <v>505</v>
      </c>
      <c r="D20" s="393"/>
      <c r="E20" s="393"/>
      <c r="F20" s="393"/>
      <c r="G20" s="393"/>
      <c r="H20" s="393"/>
      <c r="I20" s="393"/>
      <c r="J20" s="393"/>
      <c r="K20" s="393"/>
      <c r="L20" s="393"/>
      <c r="M20" s="393"/>
      <c r="N20" s="393"/>
      <c r="O20" s="393"/>
      <c r="P20" s="393"/>
      <c r="Q20" s="393"/>
      <c r="R20" s="393"/>
      <c r="S20" s="399" t="s">
        <v>506</v>
      </c>
      <c r="T20" s="399"/>
      <c r="U20" s="399"/>
      <c r="V20" s="399"/>
      <c r="W20" s="399"/>
      <c r="X20" s="399"/>
      <c r="Y20" s="400"/>
      <c r="Z20" s="292"/>
    </row>
    <row r="21" spans="2:26" s="290" customFormat="1" ht="21" customHeight="1" x14ac:dyDescent="0.15">
      <c r="B21" s="295"/>
      <c r="C21" s="398"/>
      <c r="D21" s="399"/>
      <c r="E21" s="399"/>
      <c r="F21" s="399"/>
      <c r="G21" s="399"/>
      <c r="H21" s="399"/>
      <c r="I21" s="399"/>
      <c r="J21" s="399"/>
      <c r="K21" s="399"/>
      <c r="L21" s="399"/>
      <c r="M21" s="399"/>
      <c r="N21" s="399"/>
      <c r="O21" s="399"/>
      <c r="P21" s="399"/>
      <c r="Q21" s="399"/>
      <c r="R21" s="400"/>
      <c r="S21" s="285"/>
      <c r="T21" s="285"/>
      <c r="U21" s="285"/>
      <c r="V21" s="285"/>
      <c r="W21" s="285"/>
      <c r="X21" s="285"/>
      <c r="Y21" s="285"/>
      <c r="Z21" s="294"/>
    </row>
    <row r="22" spans="2:26" s="290" customFormat="1" ht="12" customHeight="1" x14ac:dyDescent="0.15">
      <c r="B22" s="295"/>
      <c r="C22" s="253"/>
      <c r="D22" s="253"/>
      <c r="E22" s="253"/>
      <c r="F22" s="253"/>
      <c r="G22" s="253"/>
      <c r="H22" s="253"/>
      <c r="I22" s="253"/>
      <c r="J22" s="253"/>
      <c r="K22" s="253"/>
      <c r="L22" s="253"/>
      <c r="M22" s="253"/>
      <c r="N22" s="253"/>
      <c r="O22" s="253"/>
      <c r="P22" s="297"/>
      <c r="Q22" s="297"/>
      <c r="R22" s="297"/>
      <c r="S22" s="297"/>
      <c r="T22" s="259"/>
      <c r="U22" s="259"/>
      <c r="V22" s="259"/>
      <c r="W22" s="259"/>
      <c r="X22" s="259"/>
      <c r="Y22" s="259"/>
      <c r="Z22" s="294"/>
    </row>
    <row r="23" spans="2:26" s="290" customFormat="1" ht="21" customHeight="1" x14ac:dyDescent="0.15">
      <c r="B23" s="295"/>
      <c r="C23" s="256"/>
      <c r="D23" s="256"/>
      <c r="E23" s="256"/>
      <c r="F23" s="256"/>
      <c r="G23" s="256"/>
      <c r="H23" s="256"/>
      <c r="I23" s="256"/>
      <c r="J23" s="256"/>
      <c r="K23" s="256"/>
      <c r="L23" s="256"/>
      <c r="M23" s="256"/>
      <c r="N23" s="256"/>
      <c r="O23" s="256"/>
      <c r="P23" s="259"/>
      <c r="Q23" s="259"/>
      <c r="R23" s="259"/>
      <c r="S23" s="259"/>
      <c r="T23" s="615" t="s">
        <v>94</v>
      </c>
      <c r="U23" s="616"/>
      <c r="V23" s="616" t="s">
        <v>95</v>
      </c>
      <c r="W23" s="616"/>
      <c r="X23" s="616" t="s">
        <v>96</v>
      </c>
      <c r="Y23" s="617"/>
      <c r="Z23" s="294"/>
    </row>
    <row r="24" spans="2:26" s="290" customFormat="1" ht="26.25" customHeight="1" x14ac:dyDescent="0.15">
      <c r="B24" s="295"/>
      <c r="C24" s="520" t="s">
        <v>507</v>
      </c>
      <c r="D24" s="521"/>
      <c r="E24" s="521"/>
      <c r="F24" s="521"/>
      <c r="G24" s="521"/>
      <c r="H24" s="521"/>
      <c r="I24" s="521"/>
      <c r="J24" s="521"/>
      <c r="K24" s="521"/>
      <c r="L24" s="521"/>
      <c r="M24" s="521"/>
      <c r="N24" s="521"/>
      <c r="O24" s="521"/>
      <c r="P24" s="521"/>
      <c r="Q24" s="521"/>
      <c r="R24" s="521"/>
      <c r="S24" s="522"/>
      <c r="T24" s="398" t="s">
        <v>0</v>
      </c>
      <c r="U24" s="399"/>
      <c r="V24" s="616" t="s">
        <v>95</v>
      </c>
      <c r="W24" s="616"/>
      <c r="X24" s="399" t="s">
        <v>0</v>
      </c>
      <c r="Y24" s="400"/>
      <c r="Z24" s="294"/>
    </row>
    <row r="25" spans="2:26" s="290" customFormat="1" ht="58.5" customHeight="1" x14ac:dyDescent="0.15">
      <c r="B25" s="295"/>
      <c r="C25" s="618" t="s">
        <v>508</v>
      </c>
      <c r="D25" s="619"/>
      <c r="E25" s="619"/>
      <c r="F25" s="619"/>
      <c r="G25" s="619"/>
      <c r="H25" s="619"/>
      <c r="I25" s="619"/>
      <c r="J25" s="619"/>
      <c r="K25" s="619"/>
      <c r="L25" s="619"/>
      <c r="M25" s="619"/>
      <c r="N25" s="619"/>
      <c r="O25" s="619"/>
      <c r="P25" s="619"/>
      <c r="Q25" s="619"/>
      <c r="R25" s="619"/>
      <c r="S25" s="620"/>
      <c r="T25" s="398" t="s">
        <v>0</v>
      </c>
      <c r="U25" s="399"/>
      <c r="V25" s="616" t="s">
        <v>95</v>
      </c>
      <c r="W25" s="616"/>
      <c r="X25" s="399" t="s">
        <v>0</v>
      </c>
      <c r="Y25" s="400"/>
      <c r="Z25" s="294"/>
    </row>
    <row r="26" spans="2:26" s="290" customFormat="1" ht="46.5" customHeight="1" x14ac:dyDescent="0.15">
      <c r="B26" s="295"/>
      <c r="C26" s="520" t="s">
        <v>509</v>
      </c>
      <c r="D26" s="521"/>
      <c r="E26" s="521"/>
      <c r="F26" s="521"/>
      <c r="G26" s="521"/>
      <c r="H26" s="521"/>
      <c r="I26" s="521"/>
      <c r="J26" s="521"/>
      <c r="K26" s="521"/>
      <c r="L26" s="521"/>
      <c r="M26" s="521"/>
      <c r="N26" s="521"/>
      <c r="O26" s="521"/>
      <c r="P26" s="521"/>
      <c r="Q26" s="521"/>
      <c r="R26" s="521"/>
      <c r="S26" s="522"/>
      <c r="T26" s="398" t="s">
        <v>0</v>
      </c>
      <c r="U26" s="399"/>
      <c r="V26" s="616" t="s">
        <v>95</v>
      </c>
      <c r="W26" s="616"/>
      <c r="X26" s="399" t="s">
        <v>0</v>
      </c>
      <c r="Y26" s="400"/>
      <c r="Z26" s="294"/>
    </row>
    <row r="27" spans="2:26" s="290" customFormat="1" ht="26.25" customHeight="1" x14ac:dyDescent="0.15">
      <c r="B27" s="295"/>
      <c r="C27" s="520" t="s">
        <v>510</v>
      </c>
      <c r="D27" s="521"/>
      <c r="E27" s="521"/>
      <c r="F27" s="521"/>
      <c r="G27" s="521"/>
      <c r="H27" s="521"/>
      <c r="I27" s="521"/>
      <c r="J27" s="521"/>
      <c r="K27" s="521"/>
      <c r="L27" s="521"/>
      <c r="M27" s="521"/>
      <c r="N27" s="521"/>
      <c r="O27" s="521"/>
      <c r="P27" s="521"/>
      <c r="Q27" s="521"/>
      <c r="R27" s="521"/>
      <c r="S27" s="522"/>
      <c r="T27" s="398" t="s">
        <v>0</v>
      </c>
      <c r="U27" s="399"/>
      <c r="V27" s="616" t="s">
        <v>95</v>
      </c>
      <c r="W27" s="616"/>
      <c r="X27" s="399" t="s">
        <v>0</v>
      </c>
      <c r="Y27" s="400"/>
      <c r="Z27" s="294"/>
    </row>
    <row r="28" spans="2:26" s="290" customFormat="1" ht="9" customHeight="1" x14ac:dyDescent="0.15">
      <c r="B28" s="299"/>
      <c r="C28" s="259"/>
      <c r="D28" s="259"/>
      <c r="E28" s="259"/>
      <c r="F28" s="259"/>
      <c r="G28" s="259"/>
      <c r="H28" s="259"/>
      <c r="I28" s="259"/>
      <c r="J28" s="259"/>
      <c r="K28" s="259"/>
      <c r="L28" s="259"/>
      <c r="M28" s="259"/>
      <c r="N28" s="259"/>
      <c r="O28" s="259"/>
      <c r="P28" s="259"/>
      <c r="Q28" s="259"/>
      <c r="R28" s="259"/>
      <c r="S28" s="259"/>
      <c r="T28" s="259"/>
      <c r="U28" s="259"/>
      <c r="V28" s="259"/>
      <c r="W28" s="259"/>
      <c r="X28" s="259"/>
      <c r="Y28" s="259"/>
      <c r="Z28" s="300"/>
    </row>
    <row r="29" spans="2:26" s="290" customFormat="1" x14ac:dyDescent="0.15"/>
    <row r="30" spans="2:26" s="290" customFormat="1" ht="13.5" customHeight="1" x14ac:dyDescent="0.15">
      <c r="B30" s="621" t="s">
        <v>511</v>
      </c>
      <c r="C30" s="622"/>
      <c r="D30" s="622"/>
      <c r="E30" s="622"/>
      <c r="F30" s="622"/>
      <c r="G30" s="622"/>
      <c r="H30" s="622"/>
      <c r="I30" s="622"/>
      <c r="J30" s="622"/>
      <c r="K30" s="622"/>
      <c r="L30" s="622"/>
      <c r="M30" s="622"/>
      <c r="N30" s="622"/>
      <c r="O30" s="622"/>
      <c r="P30" s="622"/>
      <c r="Q30" s="622"/>
      <c r="R30" s="622"/>
      <c r="S30" s="622"/>
      <c r="T30" s="622"/>
      <c r="U30" s="622"/>
      <c r="V30" s="622"/>
      <c r="W30" s="622"/>
      <c r="X30" s="622"/>
      <c r="Y30" s="622"/>
      <c r="Z30" s="622"/>
    </row>
    <row r="31" spans="2:26" s="14" customFormat="1" ht="73.5" customHeight="1" x14ac:dyDescent="0.15">
      <c r="B31" s="622"/>
      <c r="C31" s="622"/>
      <c r="D31" s="622"/>
      <c r="E31" s="622"/>
      <c r="F31" s="622"/>
      <c r="G31" s="622"/>
      <c r="H31" s="622"/>
      <c r="I31" s="622"/>
      <c r="J31" s="622"/>
      <c r="K31" s="622"/>
      <c r="L31" s="622"/>
      <c r="M31" s="622"/>
      <c r="N31" s="622"/>
      <c r="O31" s="622"/>
      <c r="P31" s="622"/>
      <c r="Q31" s="622"/>
      <c r="R31" s="622"/>
      <c r="S31" s="622"/>
      <c r="T31" s="622"/>
      <c r="U31" s="622"/>
      <c r="V31" s="622"/>
      <c r="W31" s="622"/>
      <c r="X31" s="622"/>
      <c r="Y31" s="622"/>
      <c r="Z31" s="622"/>
    </row>
    <row r="32" spans="2:26" s="14" customFormat="1" x14ac:dyDescent="0.15">
      <c r="B32" s="353"/>
      <c r="C32" s="353"/>
      <c r="D32" s="353"/>
      <c r="E32" s="353"/>
      <c r="F32" s="353"/>
      <c r="G32" s="353"/>
      <c r="H32" s="353"/>
      <c r="I32" s="353"/>
      <c r="J32" s="353"/>
      <c r="K32" s="353"/>
      <c r="L32" s="353"/>
      <c r="M32" s="353"/>
      <c r="N32" s="353"/>
      <c r="O32" s="353"/>
      <c r="P32" s="353"/>
      <c r="Q32" s="353"/>
      <c r="R32" s="353"/>
      <c r="S32" s="353"/>
      <c r="T32" s="353"/>
      <c r="U32" s="353"/>
      <c r="V32" s="353"/>
      <c r="W32" s="353"/>
      <c r="X32" s="353"/>
      <c r="Y32" s="353"/>
      <c r="Z32" s="353"/>
    </row>
    <row r="33" spans="2:26" s="14" customFormat="1" x14ac:dyDescent="0.15">
      <c r="B33" s="353"/>
      <c r="C33" s="353"/>
      <c r="D33" s="353"/>
      <c r="E33" s="353"/>
      <c r="F33" s="353"/>
      <c r="G33" s="353"/>
      <c r="H33" s="353"/>
      <c r="I33" s="353"/>
      <c r="J33" s="353"/>
      <c r="K33" s="353"/>
      <c r="L33" s="353"/>
      <c r="M33" s="353"/>
      <c r="N33" s="353"/>
      <c r="O33" s="353"/>
      <c r="P33" s="353"/>
      <c r="Q33" s="353"/>
      <c r="R33" s="353"/>
      <c r="S33" s="353"/>
      <c r="T33" s="353"/>
      <c r="U33" s="353"/>
      <c r="V33" s="353"/>
      <c r="W33" s="353"/>
      <c r="X33" s="353"/>
      <c r="Y33" s="353"/>
      <c r="Z33" s="353"/>
    </row>
    <row r="122" spans="3:7" x14ac:dyDescent="0.15">
      <c r="C122" s="59"/>
      <c r="D122" s="59"/>
      <c r="E122" s="59"/>
      <c r="F122" s="59"/>
      <c r="G122" s="59"/>
    </row>
    <row r="123" spans="3:7" x14ac:dyDescent="0.15">
      <c r="C123" s="57"/>
    </row>
  </sheetData>
  <mergeCells count="31">
    <mergeCell ref="B30:Z31"/>
    <mergeCell ref="C26:S26"/>
    <mergeCell ref="T26:U26"/>
    <mergeCell ref="V26:W26"/>
    <mergeCell ref="X26:Y26"/>
    <mergeCell ref="C27:S27"/>
    <mergeCell ref="T27:U27"/>
    <mergeCell ref="V27:W27"/>
    <mergeCell ref="X27:Y27"/>
    <mergeCell ref="C24:S24"/>
    <mergeCell ref="T24:U24"/>
    <mergeCell ref="V24:W24"/>
    <mergeCell ref="X24:Y24"/>
    <mergeCell ref="C25:S25"/>
    <mergeCell ref="T25:U25"/>
    <mergeCell ref="V25:W25"/>
    <mergeCell ref="X25:Y25"/>
    <mergeCell ref="T23:U23"/>
    <mergeCell ref="V23:W23"/>
    <mergeCell ref="X23:Y23"/>
    <mergeCell ref="B4:Z4"/>
    <mergeCell ref="B6:F6"/>
    <mergeCell ref="G6:Z6"/>
    <mergeCell ref="B7:F7"/>
    <mergeCell ref="B8:F8"/>
    <mergeCell ref="C15:Y15"/>
    <mergeCell ref="C16:Y16"/>
    <mergeCell ref="C17:Y17"/>
    <mergeCell ref="C20:R20"/>
    <mergeCell ref="S20:Y20"/>
    <mergeCell ref="C21:R21"/>
  </mergeCells>
  <phoneticPr fontId="1"/>
  <dataValidations count="1">
    <dataValidation type="list" allowBlank="1" showInputMessage="1" showErrorMessage="1" sqref="G7:G8 L7 Q7:Q8 T24:U27 X24:Y27">
      <formula1>"□,■"</formula1>
    </dataValidation>
  </dataValidations>
  <pageMargins left="0.7" right="0.7" top="0.75" bottom="0.75" header="0.3" footer="0.3"/>
  <pageSetup paperSize="9" orientation="portrait" r:id="rId1"/>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I69"/>
  <sheetViews>
    <sheetView zoomScaleNormal="100" workbookViewId="0">
      <selection activeCell="F61" sqref="F61"/>
    </sheetView>
  </sheetViews>
  <sheetFormatPr defaultColWidth="4" defaultRowHeight="13.5" x14ac:dyDescent="0.15"/>
  <cols>
    <col min="1" max="1" width="2.875" style="290" customWidth="1"/>
    <col min="2" max="2" width="2.375" style="290" customWidth="1"/>
    <col min="3" max="3" width="3.5" style="290" customWidth="1"/>
    <col min="4" max="15" width="3.625" style="290" customWidth="1"/>
    <col min="16" max="16" width="1.5" style="290" customWidth="1"/>
    <col min="17" max="18" width="3.625" style="290" customWidth="1"/>
    <col min="19" max="19" width="2.75" style="290" customWidth="1"/>
    <col min="20" max="25" width="3.625" style="290" customWidth="1"/>
    <col min="26" max="26" width="9.5" style="290" customWidth="1"/>
    <col min="27" max="30" width="3.625" style="290" customWidth="1"/>
    <col min="31" max="31" width="6.625" style="290" customWidth="1"/>
    <col min="32" max="16384" width="4" style="290"/>
  </cols>
  <sheetData>
    <row r="2" spans="2:31" x14ac:dyDescent="0.15">
      <c r="B2" s="290" t="s">
        <v>914</v>
      </c>
    </row>
    <row r="3" spans="2:31" x14ac:dyDescent="0.15">
      <c r="U3" s="2"/>
      <c r="X3" s="283" t="s">
        <v>9</v>
      </c>
      <c r="Y3" s="392"/>
      <c r="Z3" s="392"/>
      <c r="AA3" s="283" t="s">
        <v>10</v>
      </c>
      <c r="AB3" s="272"/>
      <c r="AC3" s="283" t="s">
        <v>80</v>
      </c>
      <c r="AD3" s="272"/>
      <c r="AE3" s="283" t="s">
        <v>81</v>
      </c>
    </row>
    <row r="4" spans="2:31" x14ac:dyDescent="0.15">
      <c r="T4" s="353"/>
      <c r="U4" s="353"/>
      <c r="V4" s="353"/>
    </row>
    <row r="5" spans="2:31" x14ac:dyDescent="0.15">
      <c r="B5" s="392" t="s">
        <v>841</v>
      </c>
      <c r="C5" s="392"/>
      <c r="D5" s="392"/>
      <c r="E5" s="392"/>
      <c r="F5" s="392"/>
      <c r="G5" s="392"/>
      <c r="H5" s="392"/>
      <c r="I5" s="392"/>
      <c r="J5" s="392"/>
      <c r="K5" s="392"/>
      <c r="L5" s="392"/>
      <c r="M5" s="392"/>
      <c r="N5" s="392"/>
      <c r="O5" s="392"/>
      <c r="P5" s="392"/>
      <c r="Q5" s="392"/>
      <c r="R5" s="392"/>
      <c r="S5" s="392"/>
      <c r="T5" s="392"/>
      <c r="U5" s="392"/>
      <c r="V5" s="392"/>
      <c r="W5" s="392"/>
      <c r="X5" s="392"/>
      <c r="Y5" s="392"/>
      <c r="Z5" s="392"/>
      <c r="AA5" s="392"/>
      <c r="AB5" s="392"/>
      <c r="AC5" s="392"/>
      <c r="AD5" s="392"/>
      <c r="AE5" s="392"/>
    </row>
    <row r="7" spans="2:31" ht="23.25" customHeight="1" x14ac:dyDescent="0.15">
      <c r="B7" s="220" t="s">
        <v>85</v>
      </c>
      <c r="C7" s="220"/>
      <c r="D7" s="220"/>
      <c r="E7" s="220"/>
      <c r="F7" s="398"/>
      <c r="G7" s="399"/>
      <c r="H7" s="399"/>
      <c r="I7" s="399"/>
      <c r="J7" s="399"/>
      <c r="K7" s="399"/>
      <c r="L7" s="399"/>
      <c r="M7" s="399"/>
      <c r="N7" s="399"/>
      <c r="O7" s="399"/>
      <c r="P7" s="399"/>
      <c r="Q7" s="399"/>
      <c r="R7" s="399"/>
      <c r="S7" s="399"/>
      <c r="T7" s="399"/>
      <c r="U7" s="399"/>
      <c r="V7" s="399"/>
      <c r="W7" s="399"/>
      <c r="X7" s="399"/>
      <c r="Y7" s="399"/>
      <c r="Z7" s="399"/>
      <c r="AA7" s="399"/>
      <c r="AB7" s="399"/>
      <c r="AC7" s="399"/>
      <c r="AD7" s="399"/>
      <c r="AE7" s="400"/>
    </row>
    <row r="8" spans="2:31" ht="23.25" customHeight="1" x14ac:dyDescent="0.15">
      <c r="B8" s="220" t="s">
        <v>116</v>
      </c>
      <c r="C8" s="220"/>
      <c r="D8" s="220"/>
      <c r="E8" s="220"/>
      <c r="F8" s="249" t="s">
        <v>0</v>
      </c>
      <c r="G8" s="315" t="s">
        <v>545</v>
      </c>
      <c r="H8" s="315"/>
      <c r="I8" s="315"/>
      <c r="J8" s="315"/>
      <c r="K8" s="250" t="s">
        <v>0</v>
      </c>
      <c r="L8" s="315" t="s">
        <v>546</v>
      </c>
      <c r="M8" s="315"/>
      <c r="N8" s="315"/>
      <c r="O8" s="315"/>
      <c r="P8" s="315"/>
      <c r="Q8" s="250" t="s">
        <v>0</v>
      </c>
      <c r="R8" s="315" t="s">
        <v>547</v>
      </c>
      <c r="S8" s="315"/>
      <c r="T8" s="315"/>
      <c r="U8" s="315"/>
      <c r="V8" s="315"/>
      <c r="W8" s="315"/>
      <c r="X8" s="315"/>
      <c r="Y8" s="315"/>
      <c r="Z8" s="315"/>
      <c r="AA8" s="315"/>
      <c r="AB8" s="315"/>
      <c r="AC8" s="315"/>
      <c r="AD8" s="286"/>
      <c r="AE8" s="287"/>
    </row>
    <row r="9" spans="2:31" ht="24.95" customHeight="1" x14ac:dyDescent="0.15">
      <c r="B9" s="401" t="s">
        <v>548</v>
      </c>
      <c r="C9" s="402"/>
      <c r="D9" s="402"/>
      <c r="E9" s="403"/>
      <c r="F9" s="272" t="s">
        <v>0</v>
      </c>
      <c r="G9" s="148" t="s">
        <v>842</v>
      </c>
      <c r="H9" s="2"/>
      <c r="I9" s="2"/>
      <c r="J9" s="2"/>
      <c r="K9" s="2"/>
      <c r="L9" s="2"/>
      <c r="M9" s="2"/>
      <c r="N9" s="2"/>
      <c r="O9" s="2"/>
      <c r="Q9" s="297"/>
      <c r="R9" s="253" t="s">
        <v>0</v>
      </c>
      <c r="S9" s="2" t="s">
        <v>843</v>
      </c>
      <c r="T9" s="2"/>
      <c r="U9" s="2"/>
      <c r="V9" s="2"/>
      <c r="W9" s="323"/>
      <c r="X9" s="323"/>
      <c r="Y9" s="323"/>
      <c r="Z9" s="323"/>
      <c r="AA9" s="323"/>
      <c r="AB9" s="323"/>
      <c r="AC9" s="323"/>
      <c r="AD9" s="297"/>
      <c r="AE9" s="298"/>
    </row>
    <row r="10" spans="2:31" ht="24.95" customHeight="1" x14ac:dyDescent="0.15">
      <c r="B10" s="421"/>
      <c r="C10" s="392"/>
      <c r="D10" s="392"/>
      <c r="E10" s="422"/>
      <c r="F10" s="272" t="s">
        <v>0</v>
      </c>
      <c r="G10" s="148" t="s">
        <v>1068</v>
      </c>
      <c r="H10" s="2"/>
      <c r="I10" s="2"/>
      <c r="J10" s="2"/>
      <c r="K10" s="2"/>
      <c r="L10" s="2"/>
      <c r="M10" s="2"/>
      <c r="N10" s="2"/>
      <c r="O10" s="2"/>
      <c r="R10" s="272" t="s">
        <v>0</v>
      </c>
      <c r="S10" s="2" t="s">
        <v>844</v>
      </c>
      <c r="T10" s="2"/>
      <c r="U10" s="2"/>
      <c r="V10" s="2"/>
      <c r="W10" s="2"/>
      <c r="X10" s="2"/>
      <c r="Y10" s="2"/>
      <c r="Z10" s="2"/>
      <c r="AA10" s="2"/>
      <c r="AB10" s="2"/>
      <c r="AC10" s="2"/>
      <c r="AE10" s="294"/>
    </row>
    <row r="11" spans="2:31" ht="24.95" customHeight="1" x14ac:dyDescent="0.15">
      <c r="B11" s="404"/>
      <c r="C11" s="405"/>
      <c r="D11" s="405"/>
      <c r="E11" s="406"/>
      <c r="F11" s="272" t="s">
        <v>0</v>
      </c>
      <c r="G11" s="2" t="s">
        <v>845</v>
      </c>
      <c r="H11" s="2"/>
      <c r="I11" s="2"/>
      <c r="J11" s="2"/>
      <c r="K11" s="2"/>
      <c r="L11" s="2"/>
      <c r="M11" s="2"/>
      <c r="N11" s="2"/>
      <c r="O11" s="2"/>
      <c r="R11" s="272"/>
      <c r="S11" s="2"/>
      <c r="T11" s="2"/>
      <c r="U11" s="2"/>
      <c r="V11" s="2"/>
      <c r="W11" s="2"/>
      <c r="X11" s="2"/>
      <c r="Y11" s="2"/>
      <c r="Z11" s="2"/>
      <c r="AA11" s="2"/>
      <c r="AB11" s="2"/>
      <c r="AC11" s="2"/>
      <c r="AE11" s="294"/>
    </row>
    <row r="12" spans="2:31" ht="30.75" customHeight="1" x14ac:dyDescent="0.15">
      <c r="B12" s="220" t="s">
        <v>122</v>
      </c>
      <c r="C12" s="220"/>
      <c r="D12" s="220"/>
      <c r="E12" s="220"/>
      <c r="F12" s="249" t="s">
        <v>0</v>
      </c>
      <c r="G12" s="315" t="s">
        <v>846</v>
      </c>
      <c r="H12" s="221"/>
      <c r="I12" s="221"/>
      <c r="J12" s="221"/>
      <c r="K12" s="221"/>
      <c r="L12" s="221"/>
      <c r="M12" s="221"/>
      <c r="N12" s="221"/>
      <c r="O12" s="221"/>
      <c r="P12" s="221"/>
      <c r="Q12" s="286"/>
      <c r="R12" s="250" t="s">
        <v>0</v>
      </c>
      <c r="S12" s="315" t="s">
        <v>847</v>
      </c>
      <c r="T12" s="221"/>
      <c r="U12" s="221"/>
      <c r="V12" s="221"/>
      <c r="W12" s="221"/>
      <c r="X12" s="221"/>
      <c r="Y12" s="221"/>
      <c r="Z12" s="221"/>
      <c r="AA12" s="221"/>
      <c r="AB12" s="221"/>
      <c r="AC12" s="221"/>
      <c r="AD12" s="286"/>
      <c r="AE12" s="287"/>
    </row>
    <row r="14" spans="2:31" x14ac:dyDescent="0.15">
      <c r="B14" s="277"/>
      <c r="C14" s="286"/>
      <c r="D14" s="286"/>
      <c r="E14" s="286"/>
      <c r="F14" s="286"/>
      <c r="G14" s="286"/>
      <c r="H14" s="286"/>
      <c r="I14" s="286"/>
      <c r="J14" s="286"/>
      <c r="K14" s="286"/>
      <c r="L14" s="286"/>
      <c r="M14" s="286"/>
      <c r="N14" s="286"/>
      <c r="O14" s="286"/>
      <c r="P14" s="286"/>
      <c r="Q14" s="286"/>
      <c r="R14" s="286"/>
      <c r="S14" s="286"/>
      <c r="T14" s="286"/>
      <c r="U14" s="286"/>
      <c r="V14" s="286"/>
      <c r="W14" s="286"/>
      <c r="X14" s="286"/>
      <c r="Y14" s="286"/>
      <c r="Z14" s="287"/>
      <c r="AA14" s="249"/>
      <c r="AB14" s="250" t="s">
        <v>94</v>
      </c>
      <c r="AC14" s="250" t="s">
        <v>95</v>
      </c>
      <c r="AD14" s="250" t="s">
        <v>96</v>
      </c>
      <c r="AE14" s="287"/>
    </row>
    <row r="15" spans="2:31" x14ac:dyDescent="0.15">
      <c r="B15" s="296" t="s">
        <v>848</v>
      </c>
      <c r="C15" s="297"/>
      <c r="D15" s="297"/>
      <c r="E15" s="297"/>
      <c r="F15" s="297"/>
      <c r="G15" s="297"/>
      <c r="H15" s="297"/>
      <c r="I15" s="297"/>
      <c r="J15" s="297"/>
      <c r="K15" s="297"/>
      <c r="L15" s="297"/>
      <c r="M15" s="297"/>
      <c r="N15" s="297"/>
      <c r="O15" s="297"/>
      <c r="P15" s="297"/>
      <c r="Q15" s="297"/>
      <c r="R15" s="297"/>
      <c r="S15" s="297"/>
      <c r="T15" s="297"/>
      <c r="U15" s="297"/>
      <c r="V15" s="297"/>
      <c r="W15" s="297"/>
      <c r="X15" s="297"/>
      <c r="Y15" s="297"/>
      <c r="Z15" s="324"/>
      <c r="AA15" s="252"/>
      <c r="AB15" s="253"/>
      <c r="AC15" s="253"/>
      <c r="AD15" s="297"/>
      <c r="AE15" s="371"/>
    </row>
    <row r="16" spans="2:31" x14ac:dyDescent="0.15">
      <c r="B16" s="295"/>
      <c r="C16" s="222" t="s">
        <v>556</v>
      </c>
      <c r="D16" s="290" t="s">
        <v>849</v>
      </c>
      <c r="Z16" s="184"/>
      <c r="AA16" s="338"/>
      <c r="AB16" s="272" t="s">
        <v>0</v>
      </c>
      <c r="AC16" s="272" t="s">
        <v>95</v>
      </c>
      <c r="AD16" s="272" t="s">
        <v>0</v>
      </c>
      <c r="AE16" s="370"/>
    </row>
    <row r="17" spans="2:31" x14ac:dyDescent="0.15">
      <c r="B17" s="295"/>
      <c r="D17" s="290" t="s">
        <v>557</v>
      </c>
      <c r="Z17" s="88"/>
      <c r="AA17" s="291"/>
      <c r="AB17" s="272"/>
      <c r="AC17" s="272"/>
      <c r="AE17" s="370"/>
    </row>
    <row r="18" spans="2:31" ht="6" customHeight="1" x14ac:dyDescent="0.15">
      <c r="B18" s="295"/>
      <c r="Z18" s="88"/>
      <c r="AA18" s="291"/>
      <c r="AB18" s="272"/>
      <c r="AC18" s="272"/>
      <c r="AE18" s="370"/>
    </row>
    <row r="19" spans="2:31" x14ac:dyDescent="0.15">
      <c r="B19" s="295"/>
      <c r="D19" s="314" t="s">
        <v>616</v>
      </c>
      <c r="E19" s="315"/>
      <c r="F19" s="315"/>
      <c r="G19" s="315"/>
      <c r="H19" s="315"/>
      <c r="I19" s="315"/>
      <c r="J19" s="315"/>
      <c r="K19" s="315"/>
      <c r="L19" s="315"/>
      <c r="M19" s="315"/>
      <c r="N19" s="315"/>
      <c r="O19" s="286"/>
      <c r="P19" s="286"/>
      <c r="Q19" s="286"/>
      <c r="R19" s="286"/>
      <c r="S19" s="315"/>
      <c r="T19" s="315"/>
      <c r="U19" s="398"/>
      <c r="V19" s="399"/>
      <c r="W19" s="399"/>
      <c r="X19" s="286" t="s">
        <v>559</v>
      </c>
      <c r="Y19" s="295"/>
      <c r="Z19" s="88"/>
      <c r="AA19" s="291"/>
      <c r="AB19" s="272"/>
      <c r="AC19" s="272"/>
      <c r="AE19" s="370"/>
    </row>
    <row r="20" spans="2:31" x14ac:dyDescent="0.15">
      <c r="B20" s="295"/>
      <c r="D20" s="314" t="s">
        <v>850</v>
      </c>
      <c r="E20" s="315"/>
      <c r="F20" s="315"/>
      <c r="G20" s="315"/>
      <c r="H20" s="315"/>
      <c r="I20" s="315"/>
      <c r="J20" s="315"/>
      <c r="K20" s="315"/>
      <c r="L20" s="315"/>
      <c r="M20" s="315"/>
      <c r="N20" s="315"/>
      <c r="O20" s="286"/>
      <c r="P20" s="286"/>
      <c r="Q20" s="286"/>
      <c r="R20" s="286"/>
      <c r="S20" s="315"/>
      <c r="T20" s="315"/>
      <c r="U20" s="398"/>
      <c r="V20" s="399"/>
      <c r="W20" s="399"/>
      <c r="X20" s="286" t="s">
        <v>559</v>
      </c>
      <c r="Y20" s="295"/>
      <c r="Z20" s="294"/>
      <c r="AA20" s="291"/>
      <c r="AB20" s="272"/>
      <c r="AC20" s="272"/>
      <c r="AE20" s="370"/>
    </row>
    <row r="21" spans="2:31" x14ac:dyDescent="0.15">
      <c r="B21" s="295"/>
      <c r="D21" s="314" t="s">
        <v>560</v>
      </c>
      <c r="E21" s="315"/>
      <c r="F21" s="315"/>
      <c r="G21" s="315"/>
      <c r="H21" s="315"/>
      <c r="I21" s="315"/>
      <c r="J21" s="315"/>
      <c r="K21" s="315"/>
      <c r="L21" s="315"/>
      <c r="M21" s="315"/>
      <c r="N21" s="315"/>
      <c r="O21" s="286"/>
      <c r="P21" s="286"/>
      <c r="Q21" s="286"/>
      <c r="R21" s="286"/>
      <c r="S21" s="315"/>
      <c r="T21" s="223" t="str">
        <f>(IFERROR(ROUNDDOWN(T20/T19*100,0),""))</f>
        <v/>
      </c>
      <c r="U21" s="560" t="str">
        <f>(IFERROR(ROUNDDOWN(U20/U19*100,0),""))</f>
        <v/>
      </c>
      <c r="V21" s="561"/>
      <c r="W21" s="561"/>
      <c r="X21" s="286" t="s">
        <v>60</v>
      </c>
      <c r="Y21" s="295"/>
      <c r="Z21" s="292"/>
      <c r="AA21" s="291"/>
      <c r="AB21" s="272"/>
      <c r="AC21" s="272"/>
      <c r="AE21" s="370"/>
    </row>
    <row r="22" spans="2:31" x14ac:dyDescent="0.15">
      <c r="B22" s="295"/>
      <c r="D22" s="290" t="s">
        <v>851</v>
      </c>
      <c r="Z22" s="292"/>
      <c r="AA22" s="291"/>
      <c r="AB22" s="272"/>
      <c r="AC22" s="272"/>
      <c r="AE22" s="370"/>
    </row>
    <row r="23" spans="2:31" x14ac:dyDescent="0.15">
      <c r="B23" s="295"/>
      <c r="E23" s="290" t="s">
        <v>852</v>
      </c>
      <c r="Z23" s="292"/>
      <c r="AA23" s="291"/>
      <c r="AB23" s="272"/>
      <c r="AC23" s="272"/>
      <c r="AE23" s="370"/>
    </row>
    <row r="24" spans="2:31" x14ac:dyDescent="0.15">
      <c r="B24" s="295"/>
      <c r="Z24" s="292"/>
      <c r="AA24" s="291"/>
      <c r="AB24" s="272"/>
      <c r="AC24" s="272"/>
      <c r="AE24" s="370"/>
    </row>
    <row r="25" spans="2:31" x14ac:dyDescent="0.15">
      <c r="B25" s="295"/>
      <c r="C25" s="222" t="s">
        <v>562</v>
      </c>
      <c r="D25" s="290" t="s">
        <v>853</v>
      </c>
      <c r="Z25" s="184"/>
      <c r="AA25" s="291"/>
      <c r="AB25" s="272" t="s">
        <v>0</v>
      </c>
      <c r="AC25" s="272" t="s">
        <v>95</v>
      </c>
      <c r="AD25" s="272" t="s">
        <v>0</v>
      </c>
      <c r="AE25" s="370"/>
    </row>
    <row r="26" spans="2:31" x14ac:dyDescent="0.15">
      <c r="B26" s="295"/>
      <c r="C26" s="222"/>
      <c r="D26" s="290" t="s">
        <v>854</v>
      </c>
      <c r="Z26" s="184"/>
      <c r="AA26" s="291"/>
      <c r="AB26" s="272"/>
      <c r="AC26" s="272"/>
      <c r="AD26" s="272"/>
      <c r="AE26" s="370"/>
    </row>
    <row r="27" spans="2:31" x14ac:dyDescent="0.15">
      <c r="B27" s="295"/>
      <c r="C27" s="222"/>
      <c r="D27" s="290" t="s">
        <v>855</v>
      </c>
      <c r="Z27" s="184"/>
      <c r="AA27" s="291"/>
      <c r="AB27" s="272"/>
      <c r="AC27" s="272"/>
      <c r="AD27" s="272"/>
      <c r="AE27" s="370"/>
    </row>
    <row r="28" spans="2:31" x14ac:dyDescent="0.15">
      <c r="B28" s="295"/>
      <c r="C28" s="222"/>
      <c r="D28" s="290" t="s">
        <v>856</v>
      </c>
      <c r="Z28" s="184"/>
      <c r="AA28" s="291"/>
      <c r="AB28" s="272"/>
      <c r="AC28" s="272"/>
      <c r="AD28" s="272"/>
      <c r="AE28" s="370"/>
    </row>
    <row r="29" spans="2:31" ht="6" customHeight="1" x14ac:dyDescent="0.15">
      <c r="B29" s="295"/>
      <c r="Z29" s="292"/>
      <c r="AA29" s="291"/>
      <c r="AB29" s="272"/>
      <c r="AC29" s="272"/>
      <c r="AE29" s="370"/>
    </row>
    <row r="30" spans="2:31" x14ac:dyDescent="0.15">
      <c r="B30" s="295"/>
      <c r="C30" s="222"/>
      <c r="D30" s="322" t="s">
        <v>857</v>
      </c>
      <c r="E30" s="323"/>
      <c r="F30" s="323"/>
      <c r="G30" s="323"/>
      <c r="H30" s="323"/>
      <c r="I30" s="323"/>
      <c r="J30" s="323"/>
      <c r="K30" s="323"/>
      <c r="L30" s="323"/>
      <c r="M30" s="323"/>
      <c r="N30" s="323"/>
      <c r="O30" s="297"/>
      <c r="P30" s="297"/>
      <c r="Q30" s="297"/>
      <c r="R30" s="297"/>
      <c r="S30" s="297"/>
      <c r="T30" s="298"/>
      <c r="U30" s="401"/>
      <c r="V30" s="402"/>
      <c r="W30" s="402"/>
      <c r="X30" s="403" t="s">
        <v>559</v>
      </c>
      <c r="Z30" s="292"/>
      <c r="AA30" s="291"/>
      <c r="AB30" s="272"/>
      <c r="AC30" s="272"/>
      <c r="AE30" s="370"/>
    </row>
    <row r="31" spans="2:31" x14ac:dyDescent="0.15">
      <c r="B31" s="295"/>
      <c r="C31" s="222"/>
      <c r="D31" s="237" t="s">
        <v>858</v>
      </c>
      <c r="E31" s="2"/>
      <c r="F31" s="2"/>
      <c r="G31" s="2"/>
      <c r="H31" s="2"/>
      <c r="I31" s="2"/>
      <c r="J31" s="2"/>
      <c r="K31" s="2"/>
      <c r="L31" s="2"/>
      <c r="M31" s="2"/>
      <c r="N31" s="2"/>
      <c r="T31" s="294"/>
      <c r="U31" s="421"/>
      <c r="V31" s="392"/>
      <c r="W31" s="392"/>
      <c r="X31" s="422"/>
      <c r="Z31" s="292"/>
      <c r="AA31" s="291"/>
      <c r="AB31" s="272"/>
      <c r="AC31" s="272"/>
      <c r="AE31" s="370"/>
    </row>
    <row r="32" spans="2:31" x14ac:dyDescent="0.15">
      <c r="B32" s="295"/>
      <c r="C32" s="222"/>
      <c r="D32" s="237" t="s">
        <v>859</v>
      </c>
      <c r="E32" s="2"/>
      <c r="F32" s="2"/>
      <c r="G32" s="2"/>
      <c r="H32" s="2"/>
      <c r="I32" s="2"/>
      <c r="J32" s="2"/>
      <c r="K32" s="2"/>
      <c r="L32" s="2"/>
      <c r="M32" s="2"/>
      <c r="N32" s="2"/>
      <c r="T32" s="294"/>
      <c r="U32" s="421"/>
      <c r="V32" s="392"/>
      <c r="W32" s="392"/>
      <c r="X32" s="422"/>
      <c r="Z32" s="292"/>
      <c r="AA32" s="291"/>
      <c r="AB32" s="272"/>
      <c r="AC32" s="272"/>
      <c r="AE32" s="370"/>
    </row>
    <row r="33" spans="2:35" x14ac:dyDescent="0.15">
      <c r="B33" s="295"/>
      <c r="C33" s="222"/>
      <c r="D33" s="238" t="s">
        <v>860</v>
      </c>
      <c r="E33" s="317"/>
      <c r="F33" s="317"/>
      <c r="G33" s="317"/>
      <c r="H33" s="317"/>
      <c r="I33" s="317"/>
      <c r="J33" s="317"/>
      <c r="K33" s="317"/>
      <c r="L33" s="317"/>
      <c r="M33" s="317"/>
      <c r="N33" s="317"/>
      <c r="O33" s="259"/>
      <c r="P33" s="259"/>
      <c r="Q33" s="259"/>
      <c r="R33" s="259"/>
      <c r="S33" s="259"/>
      <c r="T33" s="300"/>
      <c r="U33" s="404"/>
      <c r="V33" s="405"/>
      <c r="W33" s="405"/>
      <c r="X33" s="406"/>
      <c r="Z33" s="292"/>
      <c r="AA33" s="291"/>
      <c r="AB33" s="272"/>
      <c r="AC33" s="272"/>
      <c r="AE33" s="370"/>
    </row>
    <row r="34" spans="2:35" ht="4.5" customHeight="1" x14ac:dyDescent="0.15">
      <c r="B34" s="295"/>
      <c r="C34" s="222"/>
      <c r="D34" s="2"/>
      <c r="E34" s="2"/>
      <c r="F34" s="2"/>
      <c r="G34" s="2"/>
      <c r="H34" s="2"/>
      <c r="I34" s="2"/>
      <c r="J34" s="2"/>
      <c r="K34" s="2"/>
      <c r="L34" s="2"/>
      <c r="M34" s="2"/>
      <c r="N34" s="2"/>
      <c r="U34" s="272"/>
      <c r="V34" s="272"/>
      <c r="W34" s="272"/>
      <c r="Z34" s="292"/>
      <c r="AA34" s="291"/>
      <c r="AB34" s="272"/>
      <c r="AC34" s="272"/>
      <c r="AE34" s="370"/>
    </row>
    <row r="35" spans="2:35" x14ac:dyDescent="0.15">
      <c r="B35" s="295"/>
      <c r="C35" s="222"/>
      <c r="J35" s="392"/>
      <c r="K35" s="392"/>
      <c r="L35" s="392"/>
      <c r="M35" s="392"/>
      <c r="N35" s="392"/>
      <c r="O35" s="392"/>
      <c r="P35" s="392"/>
      <c r="Q35" s="392"/>
      <c r="R35" s="392"/>
      <c r="S35" s="392"/>
      <c r="T35" s="392"/>
      <c r="U35" s="392"/>
      <c r="V35" s="392"/>
      <c r="Z35" s="88"/>
      <c r="AA35" s="291"/>
      <c r="AB35" s="272"/>
      <c r="AC35" s="272"/>
      <c r="AE35" s="370"/>
    </row>
    <row r="36" spans="2:35" x14ac:dyDescent="0.15">
      <c r="B36" s="295"/>
      <c r="C36" s="222" t="s">
        <v>579</v>
      </c>
      <c r="D36" s="290" t="s">
        <v>861</v>
      </c>
      <c r="Z36" s="184"/>
      <c r="AA36" s="338"/>
      <c r="AB36" s="272" t="s">
        <v>0</v>
      </c>
      <c r="AC36" s="272" t="s">
        <v>95</v>
      </c>
      <c r="AD36" s="272" t="s">
        <v>0</v>
      </c>
      <c r="AE36" s="370"/>
    </row>
    <row r="37" spans="2:35" x14ac:dyDescent="0.15">
      <c r="B37" s="295"/>
      <c r="D37" s="290" t="s">
        <v>862</v>
      </c>
      <c r="E37" s="2"/>
      <c r="F37" s="2"/>
      <c r="G37" s="2"/>
      <c r="H37" s="2"/>
      <c r="I37" s="2"/>
      <c r="J37" s="2"/>
      <c r="K37" s="2"/>
      <c r="L37" s="2"/>
      <c r="M37" s="2"/>
      <c r="N37" s="2"/>
      <c r="O37" s="260"/>
      <c r="P37" s="260"/>
      <c r="Q37" s="260"/>
      <c r="Z37" s="292"/>
      <c r="AA37" s="291"/>
      <c r="AB37" s="272"/>
      <c r="AC37" s="272"/>
      <c r="AE37" s="370"/>
    </row>
    <row r="38" spans="2:35" ht="14.25" customHeight="1" x14ac:dyDescent="0.15">
      <c r="B38" s="295"/>
      <c r="C38" s="222"/>
      <c r="Z38" s="184"/>
      <c r="AA38" s="338"/>
      <c r="AB38" s="272"/>
      <c r="AC38" s="272"/>
      <c r="AD38" s="272"/>
      <c r="AE38" s="370"/>
    </row>
    <row r="39" spans="2:35" ht="14.25" customHeight="1" x14ac:dyDescent="0.15">
      <c r="B39" s="295"/>
      <c r="C39" s="222" t="s">
        <v>863</v>
      </c>
      <c r="D39" s="290" t="s">
        <v>864</v>
      </c>
      <c r="Z39" s="184"/>
      <c r="AA39" s="338"/>
      <c r="AB39" s="272" t="s">
        <v>0</v>
      </c>
      <c r="AC39" s="272" t="s">
        <v>95</v>
      </c>
      <c r="AD39" s="272" t="s">
        <v>0</v>
      </c>
      <c r="AE39" s="370"/>
    </row>
    <row r="40" spans="2:35" ht="14.25" customHeight="1" x14ac:dyDescent="0.15">
      <c r="B40" s="295"/>
      <c r="C40" s="222"/>
      <c r="D40" s="290" t="s">
        <v>865</v>
      </c>
      <c r="Z40" s="184"/>
      <c r="AA40" s="338"/>
      <c r="AB40" s="272"/>
      <c r="AC40" s="272"/>
      <c r="AD40" s="272"/>
      <c r="AE40" s="370"/>
    </row>
    <row r="41" spans="2:35" x14ac:dyDescent="0.15">
      <c r="B41" s="295"/>
      <c r="D41" s="290" t="s">
        <v>866</v>
      </c>
      <c r="Z41" s="292"/>
      <c r="AA41" s="291"/>
      <c r="AB41" s="272"/>
      <c r="AC41" s="272"/>
      <c r="AE41" s="370"/>
    </row>
    <row r="42" spans="2:35" x14ac:dyDescent="0.15">
      <c r="B42" s="295"/>
      <c r="Z42" s="88"/>
      <c r="AA42" s="291"/>
      <c r="AB42" s="272"/>
      <c r="AC42" s="272"/>
      <c r="AE42" s="370"/>
    </row>
    <row r="43" spans="2:35" x14ac:dyDescent="0.15">
      <c r="B43" s="295" t="s">
        <v>867</v>
      </c>
      <c r="Z43" s="292"/>
      <c r="AA43" s="291"/>
      <c r="AB43" s="272"/>
      <c r="AC43" s="272"/>
      <c r="AE43" s="370"/>
    </row>
    <row r="44" spans="2:35" ht="17.25" customHeight="1" x14ac:dyDescent="0.15">
      <c r="B44" s="295"/>
      <c r="C44" s="222" t="s">
        <v>556</v>
      </c>
      <c r="D44" s="290" t="s">
        <v>868</v>
      </c>
      <c r="Z44" s="184"/>
      <c r="AA44" s="338"/>
      <c r="AB44" s="272" t="s">
        <v>0</v>
      </c>
      <c r="AC44" s="272" t="s">
        <v>95</v>
      </c>
      <c r="AD44" s="272" t="s">
        <v>0</v>
      </c>
      <c r="AE44" s="370"/>
    </row>
    <row r="45" spans="2:35" ht="18.75" customHeight="1" x14ac:dyDescent="0.15">
      <c r="B45" s="295"/>
      <c r="D45" s="290" t="s">
        <v>869</v>
      </c>
      <c r="Z45" s="292"/>
      <c r="AA45" s="291"/>
      <c r="AB45" s="272"/>
      <c r="AC45" s="272"/>
      <c r="AE45" s="370"/>
    </row>
    <row r="46" spans="2:35" ht="7.5" customHeight="1" x14ac:dyDescent="0.15">
      <c r="B46" s="295"/>
      <c r="W46" s="274"/>
      <c r="Z46" s="294"/>
      <c r="AA46" s="291"/>
      <c r="AB46" s="272"/>
      <c r="AC46" s="272"/>
      <c r="AE46" s="370"/>
      <c r="AI46" s="260"/>
    </row>
    <row r="47" spans="2:35" x14ac:dyDescent="0.15">
      <c r="B47" s="295"/>
      <c r="E47" s="2"/>
      <c r="F47" s="2"/>
      <c r="G47" s="2"/>
      <c r="H47" s="2"/>
      <c r="I47" s="2"/>
      <c r="J47" s="2"/>
      <c r="K47" s="2"/>
      <c r="L47" s="2"/>
      <c r="M47" s="2"/>
      <c r="N47" s="2"/>
      <c r="O47" s="260"/>
      <c r="P47" s="260"/>
      <c r="Q47" s="260"/>
      <c r="Z47" s="292"/>
      <c r="AA47" s="291"/>
      <c r="AB47" s="272"/>
      <c r="AC47" s="272"/>
      <c r="AE47" s="370"/>
    </row>
    <row r="48" spans="2:35" x14ac:dyDescent="0.15">
      <c r="B48" s="295"/>
      <c r="C48" s="222" t="s">
        <v>562</v>
      </c>
      <c r="D48" s="242" t="s">
        <v>870</v>
      </c>
      <c r="Z48" s="184"/>
      <c r="AA48" s="291"/>
      <c r="AB48" s="272" t="s">
        <v>0</v>
      </c>
      <c r="AC48" s="272" t="s">
        <v>95</v>
      </c>
      <c r="AD48" s="272" t="s">
        <v>0</v>
      </c>
      <c r="AE48" s="370"/>
    </row>
    <row r="49" spans="2:31" x14ac:dyDescent="0.15">
      <c r="B49" s="295"/>
      <c r="C49" s="222"/>
      <c r="D49" s="290" t="s">
        <v>871</v>
      </c>
      <c r="Z49" s="184"/>
      <c r="AA49" s="291"/>
      <c r="AB49" s="272"/>
      <c r="AC49" s="272"/>
      <c r="AD49" s="272"/>
      <c r="AE49" s="370"/>
    </row>
    <row r="50" spans="2:31" x14ac:dyDescent="0.15">
      <c r="B50" s="295"/>
      <c r="C50" s="222"/>
      <c r="D50" s="290" t="s">
        <v>872</v>
      </c>
      <c r="Z50" s="184"/>
      <c r="AA50" s="291"/>
      <c r="AB50" s="272"/>
      <c r="AC50" s="272"/>
      <c r="AD50" s="272"/>
      <c r="AE50" s="370"/>
    </row>
    <row r="51" spans="2:31" ht="6" customHeight="1" x14ac:dyDescent="0.15">
      <c r="B51" s="295"/>
      <c r="Z51" s="292"/>
      <c r="AA51" s="291"/>
      <c r="AB51" s="272"/>
      <c r="AC51" s="272"/>
      <c r="AE51" s="370"/>
    </row>
    <row r="52" spans="2:31" x14ac:dyDescent="0.15">
      <c r="B52" s="295"/>
      <c r="C52" s="222"/>
      <c r="D52" s="322" t="s">
        <v>873</v>
      </c>
      <c r="E52" s="323"/>
      <c r="F52" s="323"/>
      <c r="G52" s="323"/>
      <c r="H52" s="323"/>
      <c r="I52" s="323"/>
      <c r="J52" s="323"/>
      <c r="K52" s="323"/>
      <c r="L52" s="323"/>
      <c r="M52" s="323"/>
      <c r="N52" s="323"/>
      <c r="O52" s="297"/>
      <c r="P52" s="297"/>
      <c r="Q52" s="297"/>
      <c r="R52" s="297"/>
      <c r="S52" s="297"/>
      <c r="T52" s="297"/>
      <c r="U52" s="401"/>
      <c r="V52" s="402"/>
      <c r="W52" s="402"/>
      <c r="X52" s="403" t="s">
        <v>559</v>
      </c>
      <c r="Z52" s="292"/>
      <c r="AA52" s="291"/>
      <c r="AB52" s="272"/>
      <c r="AC52" s="272"/>
      <c r="AE52" s="370"/>
    </row>
    <row r="53" spans="2:31" x14ac:dyDescent="0.15">
      <c r="B53" s="295"/>
      <c r="C53" s="222"/>
      <c r="D53" s="238" t="s">
        <v>874</v>
      </c>
      <c r="E53" s="317"/>
      <c r="F53" s="317"/>
      <c r="G53" s="317"/>
      <c r="H53" s="317"/>
      <c r="I53" s="317"/>
      <c r="J53" s="317"/>
      <c r="K53" s="317"/>
      <c r="L53" s="317"/>
      <c r="M53" s="317"/>
      <c r="N53" s="317"/>
      <c r="O53" s="259"/>
      <c r="P53" s="259"/>
      <c r="Q53" s="259"/>
      <c r="R53" s="259"/>
      <c r="S53" s="259"/>
      <c r="T53" s="259"/>
      <c r="U53" s="404"/>
      <c r="V53" s="405"/>
      <c r="W53" s="405"/>
      <c r="X53" s="406"/>
      <c r="Z53" s="292"/>
      <c r="AA53" s="291"/>
      <c r="AB53" s="272"/>
      <c r="AC53" s="272"/>
      <c r="AE53" s="370"/>
    </row>
    <row r="54" spans="2:31" ht="4.5" customHeight="1" x14ac:dyDescent="0.15">
      <c r="B54" s="295"/>
      <c r="C54" s="222"/>
      <c r="D54" s="2"/>
      <c r="E54" s="2"/>
      <c r="F54" s="2"/>
      <c r="G54" s="2"/>
      <c r="H54" s="2"/>
      <c r="I54" s="2"/>
      <c r="J54" s="2"/>
      <c r="K54" s="2"/>
      <c r="L54" s="2"/>
      <c r="M54" s="2"/>
      <c r="N54" s="2"/>
      <c r="U54" s="272"/>
      <c r="V54" s="272"/>
      <c r="W54" s="272"/>
      <c r="Z54" s="292"/>
      <c r="AA54" s="291"/>
      <c r="AB54" s="272"/>
      <c r="AC54" s="272"/>
      <c r="AE54" s="370"/>
    </row>
    <row r="55" spans="2:31" x14ac:dyDescent="0.15">
      <c r="B55" s="295"/>
      <c r="D55" s="272"/>
      <c r="E55" s="260"/>
      <c r="F55" s="260"/>
      <c r="G55" s="260"/>
      <c r="H55" s="260"/>
      <c r="I55" s="260"/>
      <c r="J55" s="260"/>
      <c r="K55" s="260"/>
      <c r="L55" s="260"/>
      <c r="M55" s="260"/>
      <c r="N55" s="260"/>
      <c r="Q55" s="272"/>
      <c r="S55" s="274"/>
      <c r="T55" s="274"/>
      <c r="U55" s="274"/>
      <c r="V55" s="274"/>
      <c r="Z55" s="88"/>
      <c r="AA55" s="291"/>
      <c r="AB55" s="272"/>
      <c r="AC55" s="272"/>
      <c r="AE55" s="370"/>
    </row>
    <row r="56" spans="2:31" x14ac:dyDescent="0.15">
      <c r="B56" s="299"/>
      <c r="C56" s="224"/>
      <c r="D56" s="259"/>
      <c r="E56" s="259"/>
      <c r="F56" s="259"/>
      <c r="G56" s="259"/>
      <c r="H56" s="259"/>
      <c r="I56" s="259"/>
      <c r="J56" s="259"/>
      <c r="K56" s="259"/>
      <c r="L56" s="259"/>
      <c r="M56" s="259"/>
      <c r="N56" s="259"/>
      <c r="O56" s="259"/>
      <c r="P56" s="259"/>
      <c r="Q56" s="259"/>
      <c r="R56" s="259"/>
      <c r="S56" s="259"/>
      <c r="T56" s="259"/>
      <c r="U56" s="259"/>
      <c r="V56" s="259"/>
      <c r="W56" s="259"/>
      <c r="X56" s="259"/>
      <c r="Y56" s="259"/>
      <c r="Z56" s="300"/>
      <c r="AA56" s="255"/>
      <c r="AB56" s="256"/>
      <c r="AC56" s="256"/>
      <c r="AD56" s="259"/>
      <c r="AE56" s="372"/>
    </row>
    <row r="57" spans="2:31" x14ac:dyDescent="0.15">
      <c r="B57" s="290" t="s">
        <v>409</v>
      </c>
      <c r="D57" s="290" t="s">
        <v>875</v>
      </c>
    </row>
    <row r="58" spans="2:31" x14ac:dyDescent="0.15">
      <c r="D58" s="290" t="s">
        <v>591</v>
      </c>
    </row>
    <row r="59" spans="2:31" ht="3.75" customHeight="1" x14ac:dyDescent="0.15"/>
    <row r="60" spans="2:31" x14ac:dyDescent="0.15">
      <c r="C60" s="241"/>
    </row>
    <row r="61" spans="2:31" x14ac:dyDescent="0.15">
      <c r="C61" s="241"/>
    </row>
    <row r="62" spans="2:31" x14ac:dyDescent="0.15">
      <c r="C62" s="241"/>
    </row>
    <row r="63" spans="2:31" x14ac:dyDescent="0.15">
      <c r="C63" s="241"/>
    </row>
    <row r="64" spans="2:31" x14ac:dyDescent="0.15">
      <c r="C64" s="241"/>
    </row>
    <row r="66" spans="3:26" x14ac:dyDescent="0.15">
      <c r="C66" s="241"/>
      <c r="E66" s="241"/>
      <c r="F66" s="241"/>
      <c r="G66" s="241"/>
      <c r="H66" s="241"/>
      <c r="I66" s="241"/>
      <c r="J66" s="241"/>
      <c r="K66" s="241"/>
      <c r="L66" s="241"/>
      <c r="M66" s="241"/>
      <c r="N66" s="241"/>
      <c r="O66" s="241"/>
      <c r="P66" s="241"/>
      <c r="Q66" s="241"/>
      <c r="R66" s="241"/>
      <c r="S66" s="241"/>
      <c r="T66" s="241"/>
      <c r="U66" s="241"/>
      <c r="V66" s="241"/>
      <c r="W66" s="241"/>
      <c r="X66" s="241"/>
      <c r="Y66" s="241"/>
      <c r="Z66" s="241"/>
    </row>
    <row r="67" spans="3:26" x14ac:dyDescent="0.15">
      <c r="C67" s="241"/>
      <c r="E67" s="241"/>
      <c r="F67" s="241"/>
      <c r="G67" s="241"/>
      <c r="H67" s="241"/>
      <c r="I67" s="241"/>
      <c r="J67" s="241"/>
      <c r="K67" s="241"/>
      <c r="L67" s="241"/>
      <c r="M67" s="241"/>
      <c r="N67" s="241"/>
      <c r="O67" s="241"/>
      <c r="P67" s="241"/>
      <c r="Q67" s="241"/>
      <c r="R67" s="241"/>
      <c r="S67" s="241"/>
      <c r="T67" s="241"/>
      <c r="U67" s="241"/>
      <c r="V67" s="241"/>
      <c r="W67" s="241"/>
      <c r="X67" s="241"/>
      <c r="Y67" s="241"/>
      <c r="Z67" s="241"/>
    </row>
    <row r="68" spans="3:26" x14ac:dyDescent="0.15">
      <c r="C68" s="241"/>
      <c r="E68" s="241"/>
      <c r="F68" s="241"/>
      <c r="G68" s="241"/>
      <c r="H68" s="241"/>
      <c r="I68" s="241"/>
      <c r="J68" s="241"/>
      <c r="K68" s="241"/>
      <c r="L68" s="241"/>
      <c r="M68" s="241"/>
      <c r="N68" s="241"/>
      <c r="O68" s="241"/>
      <c r="P68" s="241"/>
      <c r="Q68" s="241"/>
      <c r="R68" s="241"/>
      <c r="S68" s="241"/>
      <c r="T68" s="241"/>
      <c r="U68" s="241"/>
      <c r="V68" s="241"/>
      <c r="W68" s="241"/>
      <c r="X68" s="241"/>
      <c r="Y68" s="241"/>
      <c r="Z68" s="241"/>
    </row>
    <row r="69" spans="3:26" x14ac:dyDescent="0.15">
      <c r="C69" s="241"/>
      <c r="D69" s="241"/>
      <c r="E69" s="241"/>
      <c r="F69" s="241"/>
      <c r="G69" s="241"/>
      <c r="H69" s="241"/>
      <c r="I69" s="241"/>
      <c r="J69" s="241"/>
      <c r="K69" s="241"/>
      <c r="L69" s="241"/>
      <c r="M69" s="241"/>
      <c r="N69" s="241"/>
      <c r="O69" s="241"/>
      <c r="P69" s="241"/>
      <c r="Q69" s="241"/>
      <c r="R69" s="241"/>
      <c r="S69" s="241"/>
      <c r="T69" s="241"/>
      <c r="U69" s="241"/>
      <c r="V69" s="241"/>
      <c r="W69" s="241"/>
      <c r="X69" s="241"/>
      <c r="Y69" s="241"/>
      <c r="Z69" s="241"/>
    </row>
  </sheetData>
  <mergeCells count="13">
    <mergeCell ref="U52:W53"/>
    <mergeCell ref="X52:X53"/>
    <mergeCell ref="Y3:Z3"/>
    <mergeCell ref="B5:AE5"/>
    <mergeCell ref="F7:AE7"/>
    <mergeCell ref="B9:E11"/>
    <mergeCell ref="U19:W19"/>
    <mergeCell ref="U20:W20"/>
    <mergeCell ref="U21:W21"/>
    <mergeCell ref="U30:W33"/>
    <mergeCell ref="X30:X33"/>
    <mergeCell ref="J35:S35"/>
    <mergeCell ref="T35:V35"/>
  </mergeCells>
  <phoneticPr fontId="1"/>
  <dataValidations count="1">
    <dataValidation type="list" allowBlank="1" showInputMessage="1" showErrorMessage="1" sqref="K8 Q8 AB16 AD16 AB25:AB28 AD25:AD28 AB44 AD44 F8:F12 R9:R12 AB36 AD36 AD48:AD50 AB48:AB50 AB38:AB40 AD38:AD40">
      <formula1>"□,■"</formula1>
    </dataValidation>
  </dataValidations>
  <pageMargins left="0.7" right="0.7" top="0.75" bottom="0.75" header="0.3" footer="0.3"/>
  <pageSetup paperSize="9" scale="76" orientation="portrait" r:id="rId1"/>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D123"/>
  <sheetViews>
    <sheetView zoomScaleNormal="100" zoomScaleSheetLayoutView="85" workbookViewId="0">
      <selection activeCell="F61" sqref="F61"/>
    </sheetView>
  </sheetViews>
  <sheetFormatPr defaultColWidth="3.5" defaultRowHeight="13.5" x14ac:dyDescent="0.15"/>
  <cols>
    <col min="1" max="1" width="3.5" style="3"/>
    <col min="2" max="2" width="3" style="302" customWidth="1"/>
    <col min="3" max="7" width="3.5" style="3"/>
    <col min="8" max="8" width="2.5" style="3" customWidth="1"/>
    <col min="9" max="28" width="3.5" style="3"/>
    <col min="29" max="29" width="6.75" style="3" customWidth="1"/>
    <col min="30" max="16384" width="3.5" style="3"/>
  </cols>
  <sheetData>
    <row r="2" spans="2:29" x14ac:dyDescent="0.15">
      <c r="B2" s="3" t="s">
        <v>915</v>
      </c>
    </row>
    <row r="3" spans="2:29" x14ac:dyDescent="0.15">
      <c r="D3" s="610"/>
      <c r="E3" s="610"/>
      <c r="F3" s="610"/>
      <c r="G3" s="610"/>
      <c r="H3" s="610"/>
      <c r="I3" s="610"/>
      <c r="J3" s="610"/>
      <c r="K3" s="610"/>
      <c r="L3" s="610"/>
      <c r="M3" s="610"/>
      <c r="N3" s="610"/>
      <c r="O3" s="610"/>
      <c r="P3" s="610"/>
      <c r="Q3" s="610"/>
      <c r="R3" s="610"/>
      <c r="S3" s="610"/>
      <c r="T3" s="610"/>
      <c r="U3" s="610"/>
      <c r="V3" s="610"/>
      <c r="W3" s="610"/>
      <c r="X3" s="610"/>
      <c r="Y3" s="610"/>
      <c r="Z3" s="610"/>
      <c r="AA3" s="610"/>
      <c r="AB3" s="610"/>
      <c r="AC3" s="610"/>
    </row>
    <row r="4" spans="2:29" x14ac:dyDescent="0.15">
      <c r="B4" s="418" t="s">
        <v>918</v>
      </c>
      <c r="C4" s="418"/>
      <c r="D4" s="418"/>
      <c r="E4" s="418"/>
      <c r="F4" s="418"/>
      <c r="G4" s="418"/>
      <c r="H4" s="418"/>
      <c r="I4" s="418"/>
      <c r="J4" s="418"/>
      <c r="K4" s="418"/>
      <c r="L4" s="418"/>
      <c r="M4" s="418"/>
      <c r="N4" s="418"/>
      <c r="O4" s="418"/>
      <c r="P4" s="418"/>
      <c r="Q4" s="418"/>
      <c r="R4" s="418"/>
      <c r="S4" s="418"/>
      <c r="T4" s="418"/>
      <c r="U4" s="418"/>
      <c r="V4" s="418"/>
      <c r="W4" s="418"/>
      <c r="X4" s="418"/>
      <c r="Y4" s="418"/>
      <c r="Z4" s="418"/>
      <c r="AA4" s="418"/>
      <c r="AB4" s="418"/>
      <c r="AC4" s="418"/>
    </row>
    <row r="6" spans="2:29" ht="30" customHeight="1" x14ac:dyDescent="0.15">
      <c r="B6" s="249">
        <v>1</v>
      </c>
      <c r="C6" s="395" t="s">
        <v>335</v>
      </c>
      <c r="D6" s="395"/>
      <c r="E6" s="395"/>
      <c r="F6" s="395"/>
      <c r="G6" s="396"/>
      <c r="H6" s="623"/>
      <c r="I6" s="624"/>
      <c r="J6" s="624"/>
      <c r="K6" s="624"/>
      <c r="L6" s="624"/>
      <c r="M6" s="624"/>
      <c r="N6" s="624"/>
      <c r="O6" s="624"/>
      <c r="P6" s="624"/>
      <c r="Q6" s="624"/>
      <c r="R6" s="624"/>
      <c r="S6" s="624"/>
      <c r="T6" s="624"/>
      <c r="U6" s="624"/>
      <c r="V6" s="624"/>
      <c r="W6" s="624"/>
      <c r="X6" s="624"/>
      <c r="Y6" s="624"/>
      <c r="Z6" s="624"/>
      <c r="AA6" s="624"/>
      <c r="AB6" s="624"/>
      <c r="AC6" s="625"/>
    </row>
    <row r="7" spans="2:29" ht="30" customHeight="1" x14ac:dyDescent="0.15">
      <c r="B7" s="291">
        <v>2</v>
      </c>
      <c r="C7" s="424" t="s">
        <v>336</v>
      </c>
      <c r="D7" s="424"/>
      <c r="E7" s="424"/>
      <c r="F7" s="424"/>
      <c r="G7" s="425"/>
      <c r="H7" s="15"/>
      <c r="I7" s="108" t="s">
        <v>0</v>
      </c>
      <c r="J7" s="315" t="s">
        <v>87</v>
      </c>
      <c r="K7" s="315"/>
      <c r="L7" s="315"/>
      <c r="M7" s="315"/>
      <c r="N7" s="108" t="s">
        <v>0</v>
      </c>
      <c r="O7" s="315" t="s">
        <v>88</v>
      </c>
      <c r="P7" s="315"/>
      <c r="Q7" s="315"/>
      <c r="R7" s="315"/>
      <c r="S7" s="108" t="s">
        <v>0</v>
      </c>
      <c r="T7" s="315" t="s">
        <v>89</v>
      </c>
      <c r="U7" s="315"/>
      <c r="V7" s="16"/>
      <c r="W7" s="16"/>
      <c r="X7" s="16"/>
      <c r="Y7" s="16"/>
      <c r="Z7" s="16"/>
      <c r="AC7" s="87"/>
    </row>
    <row r="8" spans="2:29" ht="30" customHeight="1" x14ac:dyDescent="0.15">
      <c r="B8" s="401">
        <v>3</v>
      </c>
      <c r="C8" s="515" t="s">
        <v>337</v>
      </c>
      <c r="D8" s="515"/>
      <c r="E8" s="515"/>
      <c r="F8" s="515"/>
      <c r="G8" s="516"/>
      <c r="H8" s="97"/>
      <c r="I8" s="109" t="s">
        <v>0</v>
      </c>
      <c r="J8" s="2" t="s">
        <v>534</v>
      </c>
      <c r="K8" s="2"/>
      <c r="L8" s="2"/>
      <c r="M8" s="2"/>
      <c r="N8" s="2"/>
      <c r="O8" s="2"/>
      <c r="P8" s="2"/>
      <c r="Q8" s="109" t="s">
        <v>0</v>
      </c>
      <c r="R8" s="323" t="s">
        <v>535</v>
      </c>
      <c r="U8" s="2"/>
      <c r="AA8" s="57"/>
      <c r="AB8" s="57"/>
      <c r="AC8" s="58"/>
    </row>
    <row r="9" spans="2:29" ht="30" customHeight="1" x14ac:dyDescent="0.15">
      <c r="B9" s="404"/>
      <c r="C9" s="484"/>
      <c r="D9" s="484"/>
      <c r="E9" s="484"/>
      <c r="F9" s="484"/>
      <c r="G9" s="517"/>
      <c r="H9" s="123"/>
      <c r="I9" s="111" t="s">
        <v>0</v>
      </c>
      <c r="J9" s="317" t="s">
        <v>536</v>
      </c>
      <c r="K9" s="317"/>
      <c r="L9" s="317"/>
      <c r="M9" s="317"/>
      <c r="N9" s="317"/>
      <c r="O9" s="317"/>
      <c r="P9" s="317"/>
      <c r="Q9" s="111" t="s">
        <v>0</v>
      </c>
      <c r="R9" s="317" t="s">
        <v>537</v>
      </c>
      <c r="S9" s="59"/>
      <c r="T9" s="59"/>
      <c r="U9" s="317"/>
      <c r="V9" s="59"/>
      <c r="W9" s="59"/>
      <c r="X9" s="59"/>
      <c r="Y9" s="59"/>
      <c r="Z9" s="59"/>
      <c r="AA9" s="59"/>
      <c r="AB9" s="59"/>
      <c r="AC9" s="60"/>
    </row>
    <row r="10" spans="2:29" x14ac:dyDescent="0.15">
      <c r="B10" s="279"/>
      <c r="C10" s="57"/>
      <c r="D10" s="57"/>
      <c r="E10" s="57"/>
      <c r="F10" s="57"/>
      <c r="G10" s="58"/>
      <c r="H10" s="97"/>
      <c r="AC10" s="87"/>
    </row>
    <row r="11" spans="2:29" x14ac:dyDescent="0.15">
      <c r="B11" s="96">
        <v>4</v>
      </c>
      <c r="C11" s="610" t="s">
        <v>538</v>
      </c>
      <c r="D11" s="610"/>
      <c r="E11" s="610"/>
      <c r="F11" s="610"/>
      <c r="G11" s="626"/>
      <c r="H11" s="97"/>
      <c r="I11" s="3" t="s">
        <v>539</v>
      </c>
      <c r="AC11" s="87"/>
    </row>
    <row r="12" spans="2:29" x14ac:dyDescent="0.15">
      <c r="B12" s="96"/>
      <c r="C12" s="610"/>
      <c r="D12" s="610"/>
      <c r="E12" s="610"/>
      <c r="F12" s="610"/>
      <c r="G12" s="626"/>
      <c r="H12" s="97"/>
      <c r="AC12" s="87"/>
    </row>
    <row r="13" spans="2:29" x14ac:dyDescent="0.15">
      <c r="B13" s="96"/>
      <c r="C13" s="610"/>
      <c r="D13" s="610"/>
      <c r="E13" s="610"/>
      <c r="F13" s="610"/>
      <c r="G13" s="626"/>
      <c r="H13" s="97"/>
      <c r="I13" s="393" t="s">
        <v>345</v>
      </c>
      <c r="J13" s="393"/>
      <c r="K13" s="393"/>
      <c r="L13" s="393"/>
      <c r="M13" s="393"/>
      <c r="N13" s="393"/>
      <c r="O13" s="401" t="s">
        <v>346</v>
      </c>
      <c r="P13" s="402"/>
      <c r="Q13" s="402"/>
      <c r="R13" s="402"/>
      <c r="S13" s="402"/>
      <c r="T13" s="402"/>
      <c r="U13" s="402"/>
      <c r="V13" s="402"/>
      <c r="W13" s="403"/>
      <c r="AC13" s="87"/>
    </row>
    <row r="14" spans="2:29" x14ac:dyDescent="0.15">
      <c r="B14" s="96"/>
      <c r="G14" s="87"/>
      <c r="H14" s="97"/>
      <c r="I14" s="393"/>
      <c r="J14" s="393"/>
      <c r="K14" s="393"/>
      <c r="L14" s="393"/>
      <c r="M14" s="393"/>
      <c r="N14" s="393"/>
      <c r="O14" s="404"/>
      <c r="P14" s="405"/>
      <c r="Q14" s="405"/>
      <c r="R14" s="405"/>
      <c r="S14" s="405"/>
      <c r="T14" s="405"/>
      <c r="U14" s="405"/>
      <c r="V14" s="405"/>
      <c r="W14" s="406"/>
      <c r="AC14" s="87"/>
    </row>
    <row r="15" spans="2:29" ht="13.5" customHeight="1" x14ac:dyDescent="0.15">
      <c r="B15" s="96"/>
      <c r="G15" s="87"/>
      <c r="H15" s="97"/>
      <c r="I15" s="401" t="s">
        <v>347</v>
      </c>
      <c r="J15" s="402"/>
      <c r="K15" s="402"/>
      <c r="L15" s="402"/>
      <c r="M15" s="402"/>
      <c r="N15" s="403"/>
      <c r="O15" s="401"/>
      <c r="P15" s="402"/>
      <c r="Q15" s="402"/>
      <c r="R15" s="402"/>
      <c r="S15" s="402"/>
      <c r="T15" s="402"/>
      <c r="U15" s="402"/>
      <c r="V15" s="402"/>
      <c r="W15" s="403"/>
      <c r="AC15" s="87"/>
    </row>
    <row r="16" spans="2:29" x14ac:dyDescent="0.15">
      <c r="B16" s="96"/>
      <c r="G16" s="87"/>
      <c r="H16" s="97"/>
      <c r="I16" s="404"/>
      <c r="J16" s="405"/>
      <c r="K16" s="405"/>
      <c r="L16" s="405"/>
      <c r="M16" s="405"/>
      <c r="N16" s="406"/>
      <c r="O16" s="404"/>
      <c r="P16" s="405"/>
      <c r="Q16" s="405"/>
      <c r="R16" s="405"/>
      <c r="S16" s="405"/>
      <c r="T16" s="405"/>
      <c r="U16" s="405"/>
      <c r="V16" s="405"/>
      <c r="W16" s="406"/>
      <c r="AC16" s="87"/>
    </row>
    <row r="17" spans="2:29" x14ac:dyDescent="0.15">
      <c r="B17" s="96"/>
      <c r="G17" s="87"/>
      <c r="H17" s="97"/>
      <c r="I17" s="401" t="s">
        <v>348</v>
      </c>
      <c r="J17" s="402"/>
      <c r="K17" s="402"/>
      <c r="L17" s="402"/>
      <c r="M17" s="402"/>
      <c r="N17" s="403"/>
      <c r="O17" s="401"/>
      <c r="P17" s="402"/>
      <c r="Q17" s="402"/>
      <c r="R17" s="402"/>
      <c r="S17" s="402"/>
      <c r="T17" s="402"/>
      <c r="U17" s="402"/>
      <c r="V17" s="402"/>
      <c r="W17" s="403"/>
      <c r="AC17" s="87"/>
    </row>
    <row r="18" spans="2:29" x14ac:dyDescent="0.15">
      <c r="B18" s="96"/>
      <c r="G18" s="87"/>
      <c r="H18" s="97"/>
      <c r="I18" s="404"/>
      <c r="J18" s="405"/>
      <c r="K18" s="405"/>
      <c r="L18" s="405"/>
      <c r="M18" s="405"/>
      <c r="N18" s="406"/>
      <c r="O18" s="404"/>
      <c r="P18" s="405"/>
      <c r="Q18" s="405"/>
      <c r="R18" s="405"/>
      <c r="S18" s="405"/>
      <c r="T18" s="405"/>
      <c r="U18" s="405"/>
      <c r="V18" s="405"/>
      <c r="W18" s="406"/>
      <c r="AC18" s="87"/>
    </row>
    <row r="19" spans="2:29" x14ac:dyDescent="0.15">
      <c r="B19" s="96"/>
      <c r="G19" s="87"/>
      <c r="H19" s="97"/>
      <c r="I19" s="393" t="s">
        <v>540</v>
      </c>
      <c r="J19" s="393"/>
      <c r="K19" s="393"/>
      <c r="L19" s="393"/>
      <c r="M19" s="393"/>
      <c r="N19" s="393"/>
      <c r="O19" s="401"/>
      <c r="P19" s="402"/>
      <c r="Q19" s="402"/>
      <c r="R19" s="402"/>
      <c r="S19" s="402"/>
      <c r="T19" s="402"/>
      <c r="U19" s="402"/>
      <c r="V19" s="402"/>
      <c r="W19" s="403"/>
      <c r="AC19" s="87"/>
    </row>
    <row r="20" spans="2:29" x14ac:dyDescent="0.15">
      <c r="B20" s="96"/>
      <c r="G20" s="87"/>
      <c r="H20" s="97"/>
      <c r="I20" s="393"/>
      <c r="J20" s="393"/>
      <c r="K20" s="393"/>
      <c r="L20" s="393"/>
      <c r="M20" s="393"/>
      <c r="N20" s="393"/>
      <c r="O20" s="404"/>
      <c r="P20" s="405"/>
      <c r="Q20" s="405"/>
      <c r="R20" s="405"/>
      <c r="S20" s="405"/>
      <c r="T20" s="405"/>
      <c r="U20" s="405"/>
      <c r="V20" s="405"/>
      <c r="W20" s="406"/>
      <c r="AC20" s="87"/>
    </row>
    <row r="21" spans="2:29" x14ac:dyDescent="0.15">
      <c r="B21" s="96"/>
      <c r="G21" s="87"/>
      <c r="H21" s="97"/>
      <c r="I21" s="393" t="s">
        <v>541</v>
      </c>
      <c r="J21" s="393"/>
      <c r="K21" s="393"/>
      <c r="L21" s="393"/>
      <c r="M21" s="393"/>
      <c r="N21" s="393"/>
      <c r="O21" s="401"/>
      <c r="P21" s="402"/>
      <c r="Q21" s="402"/>
      <c r="R21" s="402"/>
      <c r="S21" s="402"/>
      <c r="T21" s="402"/>
      <c r="U21" s="402"/>
      <c r="V21" s="402"/>
      <c r="W21" s="403"/>
      <c r="AC21" s="87"/>
    </row>
    <row r="22" spans="2:29" x14ac:dyDescent="0.15">
      <c r="B22" s="96"/>
      <c r="G22" s="87"/>
      <c r="H22" s="97"/>
      <c r="I22" s="393"/>
      <c r="J22" s="393"/>
      <c r="K22" s="393"/>
      <c r="L22" s="393"/>
      <c r="M22" s="393"/>
      <c r="N22" s="393"/>
      <c r="O22" s="404"/>
      <c r="P22" s="405"/>
      <c r="Q22" s="405"/>
      <c r="R22" s="405"/>
      <c r="S22" s="405"/>
      <c r="T22" s="405"/>
      <c r="U22" s="405"/>
      <c r="V22" s="405"/>
      <c r="W22" s="406"/>
      <c r="AC22" s="87"/>
    </row>
    <row r="23" spans="2:29" x14ac:dyDescent="0.15">
      <c r="B23" s="96"/>
      <c r="G23" s="87"/>
      <c r="H23" s="97"/>
      <c r="I23" s="393" t="s">
        <v>311</v>
      </c>
      <c r="J23" s="393"/>
      <c r="K23" s="393"/>
      <c r="L23" s="393"/>
      <c r="M23" s="393"/>
      <c r="N23" s="393"/>
      <c r="O23" s="401"/>
      <c r="P23" s="402"/>
      <c r="Q23" s="402"/>
      <c r="R23" s="402"/>
      <c r="S23" s="402"/>
      <c r="T23" s="402"/>
      <c r="U23" s="402"/>
      <c r="V23" s="402"/>
      <c r="W23" s="403"/>
      <c r="AC23" s="87"/>
    </row>
    <row r="24" spans="2:29" x14ac:dyDescent="0.15">
      <c r="B24" s="96"/>
      <c r="G24" s="87"/>
      <c r="H24" s="97"/>
      <c r="I24" s="393"/>
      <c r="J24" s="393"/>
      <c r="K24" s="393"/>
      <c r="L24" s="393"/>
      <c r="M24" s="393"/>
      <c r="N24" s="393"/>
      <c r="O24" s="404"/>
      <c r="P24" s="405"/>
      <c r="Q24" s="405"/>
      <c r="R24" s="405"/>
      <c r="S24" s="405"/>
      <c r="T24" s="405"/>
      <c r="U24" s="405"/>
      <c r="V24" s="405"/>
      <c r="W24" s="406"/>
      <c r="AC24" s="87"/>
    </row>
    <row r="25" spans="2:29" x14ac:dyDescent="0.15">
      <c r="B25" s="96"/>
      <c r="G25" s="87"/>
      <c r="H25" s="97"/>
      <c r="I25" s="393"/>
      <c r="J25" s="393"/>
      <c r="K25" s="393"/>
      <c r="L25" s="393"/>
      <c r="M25" s="393"/>
      <c r="N25" s="393"/>
      <c r="O25" s="401"/>
      <c r="P25" s="402"/>
      <c r="Q25" s="402"/>
      <c r="R25" s="402"/>
      <c r="S25" s="402"/>
      <c r="T25" s="402"/>
      <c r="U25" s="402"/>
      <c r="V25" s="402"/>
      <c r="W25" s="403"/>
      <c r="AC25" s="87"/>
    </row>
    <row r="26" spans="2:29" x14ac:dyDescent="0.15">
      <c r="B26" s="96"/>
      <c r="G26" s="87"/>
      <c r="H26" s="97"/>
      <c r="I26" s="393"/>
      <c r="J26" s="393"/>
      <c r="K26" s="393"/>
      <c r="L26" s="393"/>
      <c r="M26" s="393"/>
      <c r="N26" s="393"/>
      <c r="O26" s="404"/>
      <c r="P26" s="405"/>
      <c r="Q26" s="405"/>
      <c r="R26" s="405"/>
      <c r="S26" s="405"/>
      <c r="T26" s="405"/>
      <c r="U26" s="405"/>
      <c r="V26" s="405"/>
      <c r="W26" s="406"/>
      <c r="AC26" s="87"/>
    </row>
    <row r="27" spans="2:29" x14ac:dyDescent="0.15">
      <c r="B27" s="96"/>
      <c r="G27" s="87"/>
      <c r="H27" s="97"/>
      <c r="I27" s="393"/>
      <c r="J27" s="393"/>
      <c r="K27" s="393"/>
      <c r="L27" s="393"/>
      <c r="M27" s="393"/>
      <c r="N27" s="393"/>
      <c r="O27" s="401"/>
      <c r="P27" s="402"/>
      <c r="Q27" s="402"/>
      <c r="R27" s="402"/>
      <c r="S27" s="402"/>
      <c r="T27" s="402"/>
      <c r="U27" s="402"/>
      <c r="V27" s="402"/>
      <c r="W27" s="403"/>
      <c r="AC27" s="87"/>
    </row>
    <row r="28" spans="2:29" x14ac:dyDescent="0.15">
      <c r="B28" s="96"/>
      <c r="G28" s="87"/>
      <c r="H28" s="97"/>
      <c r="I28" s="393"/>
      <c r="J28" s="393"/>
      <c r="K28" s="393"/>
      <c r="L28" s="393"/>
      <c r="M28" s="393"/>
      <c r="N28" s="393"/>
      <c r="O28" s="404"/>
      <c r="P28" s="405"/>
      <c r="Q28" s="405"/>
      <c r="R28" s="405"/>
      <c r="S28" s="405"/>
      <c r="T28" s="405"/>
      <c r="U28" s="405"/>
      <c r="V28" s="405"/>
      <c r="W28" s="406"/>
      <c r="AC28" s="87"/>
    </row>
    <row r="29" spans="2:29" x14ac:dyDescent="0.15">
      <c r="B29" s="96"/>
      <c r="G29" s="87"/>
      <c r="H29" s="97"/>
      <c r="I29" s="393"/>
      <c r="J29" s="393"/>
      <c r="K29" s="393"/>
      <c r="L29" s="393"/>
      <c r="M29" s="393"/>
      <c r="N29" s="393"/>
      <c r="O29" s="401"/>
      <c r="P29" s="402"/>
      <c r="Q29" s="402"/>
      <c r="R29" s="402"/>
      <c r="S29" s="402"/>
      <c r="T29" s="402"/>
      <c r="U29" s="402"/>
      <c r="V29" s="402"/>
      <c r="W29" s="403"/>
      <c r="AC29" s="87"/>
    </row>
    <row r="30" spans="2:29" x14ac:dyDescent="0.15">
      <c r="B30" s="96"/>
      <c r="G30" s="87"/>
      <c r="H30" s="97"/>
      <c r="I30" s="393"/>
      <c r="J30" s="393"/>
      <c r="K30" s="393"/>
      <c r="L30" s="393"/>
      <c r="M30" s="393"/>
      <c r="N30" s="393"/>
      <c r="O30" s="404"/>
      <c r="P30" s="405"/>
      <c r="Q30" s="405"/>
      <c r="R30" s="405"/>
      <c r="S30" s="405"/>
      <c r="T30" s="405"/>
      <c r="U30" s="405"/>
      <c r="V30" s="405"/>
      <c r="W30" s="406"/>
      <c r="AC30" s="87"/>
    </row>
    <row r="31" spans="2:29" x14ac:dyDescent="0.15">
      <c r="B31" s="96"/>
      <c r="G31" s="87"/>
      <c r="H31" s="97"/>
      <c r="I31" s="393"/>
      <c r="J31" s="393"/>
      <c r="K31" s="393"/>
      <c r="L31" s="393"/>
      <c r="M31" s="393"/>
      <c r="N31" s="393"/>
      <c r="O31" s="401"/>
      <c r="P31" s="402"/>
      <c r="Q31" s="402"/>
      <c r="R31" s="402"/>
      <c r="S31" s="402"/>
      <c r="T31" s="402"/>
      <c r="U31" s="402"/>
      <c r="V31" s="402"/>
      <c r="W31" s="403"/>
      <c r="AC31" s="87"/>
    </row>
    <row r="32" spans="2:29" x14ac:dyDescent="0.15">
      <c r="B32" s="96"/>
      <c r="G32" s="87"/>
      <c r="H32" s="97"/>
      <c r="I32" s="393"/>
      <c r="J32" s="393"/>
      <c r="K32" s="393"/>
      <c r="L32" s="393"/>
      <c r="M32" s="393"/>
      <c r="N32" s="393"/>
      <c r="O32" s="404"/>
      <c r="P32" s="405"/>
      <c r="Q32" s="405"/>
      <c r="R32" s="405"/>
      <c r="S32" s="405"/>
      <c r="T32" s="405"/>
      <c r="U32" s="405"/>
      <c r="V32" s="405"/>
      <c r="W32" s="406"/>
      <c r="AC32" s="87"/>
    </row>
    <row r="33" spans="2:30" x14ac:dyDescent="0.15">
      <c r="B33" s="278"/>
      <c r="C33" s="59"/>
      <c r="D33" s="59"/>
      <c r="E33" s="59"/>
      <c r="F33" s="59"/>
      <c r="G33" s="60"/>
      <c r="H33" s="123"/>
      <c r="I33" s="59"/>
      <c r="J33" s="59"/>
      <c r="K33" s="59"/>
      <c r="L33" s="59"/>
      <c r="M33" s="59"/>
      <c r="N33" s="59"/>
      <c r="O33" s="59"/>
      <c r="P33" s="59"/>
      <c r="Q33" s="59"/>
      <c r="R33" s="59"/>
      <c r="S33" s="59"/>
      <c r="T33" s="59"/>
      <c r="U33" s="59"/>
      <c r="V33" s="59"/>
      <c r="W33" s="59"/>
      <c r="X33" s="59"/>
      <c r="Y33" s="59"/>
      <c r="Z33" s="59"/>
      <c r="AA33" s="59"/>
      <c r="AB33" s="59"/>
      <c r="AC33" s="60"/>
    </row>
    <row r="34" spans="2:30" x14ac:dyDescent="0.15">
      <c r="H34" s="262"/>
      <c r="I34" s="262"/>
      <c r="J34" s="262"/>
      <c r="K34" s="262"/>
      <c r="L34" s="262"/>
      <c r="M34" s="262"/>
      <c r="N34" s="262"/>
      <c r="O34" s="262"/>
      <c r="P34" s="262"/>
      <c r="Q34" s="262"/>
      <c r="R34" s="262"/>
      <c r="S34" s="262"/>
      <c r="T34" s="262"/>
      <c r="U34" s="262"/>
      <c r="V34" s="262"/>
      <c r="W34" s="262"/>
      <c r="X34" s="262"/>
      <c r="Y34" s="262"/>
      <c r="Z34" s="262"/>
      <c r="AA34" s="262"/>
      <c r="AB34" s="262"/>
      <c r="AC34" s="262"/>
    </row>
    <row r="35" spans="2:30" ht="6" customHeight="1" x14ac:dyDescent="0.15"/>
    <row r="36" spans="2:30" ht="13.5" customHeight="1" x14ac:dyDescent="0.15">
      <c r="B36" s="3" t="s">
        <v>288</v>
      </c>
      <c r="C36" s="610" t="s">
        <v>919</v>
      </c>
      <c r="D36" s="610"/>
      <c r="E36" s="610"/>
      <c r="F36" s="610"/>
      <c r="G36" s="610"/>
      <c r="H36" s="610"/>
      <c r="I36" s="610"/>
      <c r="J36" s="610"/>
      <c r="K36" s="610"/>
      <c r="L36" s="610"/>
      <c r="M36" s="610"/>
      <c r="N36" s="610"/>
      <c r="O36" s="610"/>
      <c r="P36" s="610"/>
      <c r="Q36" s="610"/>
      <c r="R36" s="610"/>
      <c r="S36" s="610"/>
      <c r="T36" s="610"/>
      <c r="U36" s="610"/>
      <c r="V36" s="610"/>
      <c r="W36" s="610"/>
      <c r="X36" s="610"/>
      <c r="Y36" s="610"/>
      <c r="Z36" s="610"/>
      <c r="AA36" s="610"/>
      <c r="AB36" s="610"/>
      <c r="AC36" s="610"/>
      <c r="AD36" s="326"/>
    </row>
    <row r="37" spans="2:30" x14ac:dyDescent="0.15">
      <c r="C37" s="610"/>
      <c r="D37" s="610"/>
      <c r="E37" s="610"/>
      <c r="F37" s="610"/>
      <c r="G37" s="610"/>
      <c r="H37" s="610"/>
      <c r="I37" s="610"/>
      <c r="J37" s="610"/>
      <c r="K37" s="610"/>
      <c r="L37" s="610"/>
      <c r="M37" s="610"/>
      <c r="N37" s="610"/>
      <c r="O37" s="610"/>
      <c r="P37" s="610"/>
      <c r="Q37" s="610"/>
      <c r="R37" s="610"/>
      <c r="S37" s="610"/>
      <c r="T37" s="610"/>
      <c r="U37" s="610"/>
      <c r="V37" s="610"/>
      <c r="W37" s="610"/>
      <c r="X37" s="610"/>
      <c r="Y37" s="610"/>
      <c r="Z37" s="610"/>
      <c r="AA37" s="610"/>
      <c r="AB37" s="610"/>
      <c r="AC37" s="610"/>
      <c r="AD37" s="326"/>
    </row>
    <row r="122" spans="3:7" x14ac:dyDescent="0.15">
      <c r="C122" s="59"/>
      <c r="D122" s="59"/>
      <c r="E122" s="59"/>
      <c r="F122" s="59"/>
      <c r="G122" s="59"/>
    </row>
    <row r="123" spans="3:7" x14ac:dyDescent="0.15">
      <c r="C123" s="57"/>
    </row>
  </sheetData>
  <mergeCells count="29">
    <mergeCell ref="I31:N32"/>
    <mergeCell ref="O31:W32"/>
    <mergeCell ref="C36:AC37"/>
    <mergeCell ref="I25:N26"/>
    <mergeCell ref="O25:W26"/>
    <mergeCell ref="I27:N28"/>
    <mergeCell ref="O27:W28"/>
    <mergeCell ref="I29:N30"/>
    <mergeCell ref="O29:W30"/>
    <mergeCell ref="I19:N20"/>
    <mergeCell ref="O19:W20"/>
    <mergeCell ref="I21:N22"/>
    <mergeCell ref="O21:W22"/>
    <mergeCell ref="I23:N24"/>
    <mergeCell ref="O23:W24"/>
    <mergeCell ref="I17:N18"/>
    <mergeCell ref="O17:W18"/>
    <mergeCell ref="D3:AC3"/>
    <mergeCell ref="B4:AC4"/>
    <mergeCell ref="C6:G6"/>
    <mergeCell ref="H6:AC6"/>
    <mergeCell ref="C7:G7"/>
    <mergeCell ref="B8:B9"/>
    <mergeCell ref="C8:G9"/>
    <mergeCell ref="C11:G13"/>
    <mergeCell ref="I13:N14"/>
    <mergeCell ref="O13:W14"/>
    <mergeCell ref="I15:N16"/>
    <mergeCell ref="O15:W16"/>
  </mergeCells>
  <phoneticPr fontId="1"/>
  <dataValidations count="1">
    <dataValidation type="list" allowBlank="1" showInputMessage="1" showErrorMessage="1" sqref="I7:I9 N7 Q8:Q9 S7">
      <formula1>"□,■"</formula1>
    </dataValidation>
  </dataValidations>
  <pageMargins left="0.7" right="0.7" top="0.75" bottom="0.75" header="0.3" footer="0.3"/>
  <pageSetup paperSize="9" scale="85" orientation="portrait" r:id="rId1"/>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B123"/>
  <sheetViews>
    <sheetView view="pageBreakPreview" zoomScale="80" zoomScaleNormal="100" zoomScaleSheetLayoutView="80" workbookViewId="0">
      <selection activeCell="F61" sqref="F61"/>
    </sheetView>
  </sheetViews>
  <sheetFormatPr defaultColWidth="4" defaultRowHeight="13.5" x14ac:dyDescent="0.15"/>
  <cols>
    <col min="1" max="1" width="1.5" style="290" customWidth="1"/>
    <col min="2" max="2" width="1.125" style="290" customWidth="1"/>
    <col min="3" max="3" width="3.375" style="290" customWidth="1"/>
    <col min="4" max="4" width="3.25" style="290" customWidth="1"/>
    <col min="5" max="18" width="4" style="290"/>
    <col min="19" max="19" width="6.375" style="290" customWidth="1"/>
    <col min="20" max="20" width="1.75" style="290" customWidth="1"/>
    <col min="21" max="21" width="2.375" style="290" customWidth="1"/>
    <col min="22" max="22" width="4" style="290"/>
    <col min="23" max="23" width="2.25" style="290" customWidth="1"/>
    <col min="24" max="24" width="4" style="290"/>
    <col min="25" max="25" width="2.375" style="290" customWidth="1"/>
    <col min="26" max="26" width="1.5" style="290" customWidth="1"/>
    <col min="27" max="16384" width="4" style="290"/>
  </cols>
  <sheetData>
    <row r="2" spans="2:28" x14ac:dyDescent="0.15">
      <c r="B2" s="290" t="s">
        <v>706</v>
      </c>
      <c r="C2"/>
      <c r="D2"/>
      <c r="E2"/>
      <c r="F2"/>
      <c r="G2"/>
      <c r="H2"/>
      <c r="I2"/>
      <c r="J2"/>
      <c r="K2"/>
      <c r="L2"/>
      <c r="M2"/>
      <c r="N2"/>
      <c r="O2"/>
      <c r="P2"/>
      <c r="Q2"/>
      <c r="R2"/>
      <c r="S2"/>
      <c r="T2"/>
      <c r="U2"/>
      <c r="V2"/>
      <c r="W2"/>
      <c r="X2"/>
      <c r="Y2"/>
    </row>
    <row r="4" spans="2:28" x14ac:dyDescent="0.15">
      <c r="B4" s="392" t="s">
        <v>678</v>
      </c>
      <c r="C4" s="392"/>
      <c r="D4" s="392"/>
      <c r="E4" s="392"/>
      <c r="F4" s="392"/>
      <c r="G4" s="392"/>
      <c r="H4" s="392"/>
      <c r="I4" s="392"/>
      <c r="J4" s="392"/>
      <c r="K4" s="392"/>
      <c r="L4" s="392"/>
      <c r="M4" s="392"/>
      <c r="N4" s="392"/>
      <c r="O4" s="392"/>
      <c r="P4" s="392"/>
      <c r="Q4" s="392"/>
      <c r="R4" s="392"/>
      <c r="S4" s="392"/>
      <c r="T4" s="392"/>
      <c r="U4" s="392"/>
      <c r="V4" s="392"/>
      <c r="W4" s="392"/>
      <c r="X4" s="392"/>
      <c r="Y4" s="392"/>
    </row>
    <row r="6" spans="2:28" ht="23.25" customHeight="1" x14ac:dyDescent="0.15">
      <c r="B6" s="393" t="s">
        <v>115</v>
      </c>
      <c r="C6" s="393"/>
      <c r="D6" s="393"/>
      <c r="E6" s="393"/>
      <c r="F6" s="393"/>
      <c r="G6" s="394"/>
      <c r="H6" s="395"/>
      <c r="I6" s="395"/>
      <c r="J6" s="395"/>
      <c r="K6" s="395"/>
      <c r="L6" s="395"/>
      <c r="M6" s="395"/>
      <c r="N6" s="395"/>
      <c r="O6" s="395"/>
      <c r="P6" s="395"/>
      <c r="Q6" s="395"/>
      <c r="R6" s="395"/>
      <c r="S6" s="395"/>
      <c r="T6" s="395"/>
      <c r="U6" s="395"/>
      <c r="V6" s="395"/>
      <c r="W6" s="395"/>
      <c r="X6" s="395"/>
      <c r="Y6" s="396"/>
    </row>
    <row r="7" spans="2:28" ht="22.5" customHeight="1" x14ac:dyDescent="0.15">
      <c r="B7" s="393" t="s">
        <v>116</v>
      </c>
      <c r="C7" s="393"/>
      <c r="D7" s="393"/>
      <c r="E7" s="393"/>
      <c r="F7" s="393"/>
      <c r="G7" s="250" t="s">
        <v>0</v>
      </c>
      <c r="H7" s="315" t="s">
        <v>87</v>
      </c>
      <c r="I7" s="315"/>
      <c r="J7" s="315"/>
      <c r="K7" s="315"/>
      <c r="L7" s="250" t="s">
        <v>0</v>
      </c>
      <c r="M7" s="315" t="s">
        <v>88</v>
      </c>
      <c r="N7" s="315"/>
      <c r="O7" s="315"/>
      <c r="P7" s="315"/>
      <c r="Q7" s="250" t="s">
        <v>0</v>
      </c>
      <c r="R7" s="315" t="s">
        <v>89</v>
      </c>
      <c r="S7" s="315"/>
      <c r="T7" s="315"/>
      <c r="U7" s="315"/>
      <c r="V7" s="315"/>
      <c r="W7" s="286"/>
      <c r="X7" s="286"/>
      <c r="Y7" s="287"/>
    </row>
    <row r="8" spans="2:28" ht="20.100000000000001" customHeight="1" x14ac:dyDescent="0.15">
      <c r="B8" s="401" t="s">
        <v>117</v>
      </c>
      <c r="C8" s="402"/>
      <c r="D8" s="402"/>
      <c r="E8" s="402"/>
      <c r="F8" s="403"/>
      <c r="G8" s="272" t="s">
        <v>0</v>
      </c>
      <c r="H8" s="424" t="s">
        <v>679</v>
      </c>
      <c r="I8" s="424"/>
      <c r="J8" s="424"/>
      <c r="K8" s="424"/>
      <c r="L8" s="424"/>
      <c r="M8" s="424"/>
      <c r="N8" s="424"/>
      <c r="O8" s="424"/>
      <c r="P8" s="424"/>
      <c r="Q8" s="424"/>
      <c r="R8" s="424"/>
      <c r="S8" s="424"/>
      <c r="T8" s="424"/>
      <c r="U8" s="424"/>
      <c r="V8" s="424"/>
      <c r="W8" s="424"/>
      <c r="X8" s="424"/>
      <c r="Y8" s="425"/>
    </row>
    <row r="9" spans="2:28" ht="20.100000000000001" customHeight="1" x14ac:dyDescent="0.15">
      <c r="B9" s="421"/>
      <c r="C9" s="392"/>
      <c r="D9" s="392"/>
      <c r="E9" s="392"/>
      <c r="F9" s="422"/>
      <c r="G9" s="272" t="s">
        <v>0</v>
      </c>
      <c r="H9" s="493" t="s">
        <v>680</v>
      </c>
      <c r="I9" s="493"/>
      <c r="J9" s="493"/>
      <c r="K9" s="493"/>
      <c r="L9" s="493"/>
      <c r="M9" s="493"/>
      <c r="N9" s="493"/>
      <c r="O9" s="493"/>
      <c r="P9" s="493"/>
      <c r="Q9" s="493"/>
      <c r="R9" s="493"/>
      <c r="S9" s="493"/>
      <c r="T9" s="493"/>
      <c r="U9" s="493"/>
      <c r="V9" s="493"/>
      <c r="W9" s="493"/>
      <c r="X9" s="493"/>
      <c r="Y9" s="494"/>
    </row>
    <row r="10" spans="2:28" ht="20.100000000000001" customHeight="1" x14ac:dyDescent="0.15">
      <c r="B10" s="404"/>
      <c r="C10" s="405"/>
      <c r="D10" s="405"/>
      <c r="E10" s="405"/>
      <c r="F10" s="406"/>
      <c r="G10" s="255" t="s">
        <v>0</v>
      </c>
      <c r="H10" s="427" t="s">
        <v>208</v>
      </c>
      <c r="I10" s="427"/>
      <c r="J10" s="427"/>
      <c r="K10" s="427"/>
      <c r="L10" s="427"/>
      <c r="M10" s="427"/>
      <c r="N10" s="427"/>
      <c r="O10" s="427"/>
      <c r="P10" s="427"/>
      <c r="Q10" s="427"/>
      <c r="R10" s="427"/>
      <c r="S10" s="427"/>
      <c r="T10" s="427"/>
      <c r="U10" s="427"/>
      <c r="V10" s="427"/>
      <c r="W10" s="427"/>
      <c r="X10" s="427"/>
      <c r="Y10" s="428"/>
    </row>
    <row r="11" spans="2:28" ht="17.25" customHeight="1" x14ac:dyDescent="0.15">
      <c r="B11" s="401" t="s">
        <v>122</v>
      </c>
      <c r="C11" s="402"/>
      <c r="D11" s="402"/>
      <c r="E11" s="402"/>
      <c r="F11" s="403"/>
      <c r="G11" s="252" t="s">
        <v>0</v>
      </c>
      <c r="H11" s="424" t="s">
        <v>681</v>
      </c>
      <c r="I11" s="424"/>
      <c r="J11" s="424"/>
      <c r="K11" s="424"/>
      <c r="L11" s="424"/>
      <c r="M11" s="424"/>
      <c r="N11" s="424"/>
      <c r="O11" s="424"/>
      <c r="P11" s="424"/>
      <c r="Q11" s="424"/>
      <c r="R11" s="424"/>
      <c r="S11" s="424"/>
      <c r="T11" s="424"/>
      <c r="U11" s="424"/>
      <c r="V11" s="424"/>
      <c r="W11" s="424"/>
      <c r="X11" s="424"/>
      <c r="Y11" s="425"/>
    </row>
    <row r="12" spans="2:28" ht="18.75" customHeight="1" x14ac:dyDescent="0.15">
      <c r="B12" s="404"/>
      <c r="C12" s="405"/>
      <c r="D12" s="405"/>
      <c r="E12" s="405"/>
      <c r="F12" s="406"/>
      <c r="G12" s="255" t="s">
        <v>0</v>
      </c>
      <c r="H12" s="427" t="s">
        <v>682</v>
      </c>
      <c r="I12" s="427"/>
      <c r="J12" s="427"/>
      <c r="K12" s="427"/>
      <c r="L12" s="427"/>
      <c r="M12" s="427"/>
      <c r="N12" s="427"/>
      <c r="O12" s="427"/>
      <c r="P12" s="427"/>
      <c r="Q12" s="427"/>
      <c r="R12" s="427"/>
      <c r="S12" s="427"/>
      <c r="T12" s="427"/>
      <c r="U12" s="427"/>
      <c r="V12" s="427"/>
      <c r="W12" s="427"/>
      <c r="X12" s="427"/>
      <c r="Y12" s="428"/>
    </row>
    <row r="13" spans="2:28" ht="6" customHeight="1" x14ac:dyDescent="0.15"/>
    <row r="14" spans="2:28" x14ac:dyDescent="0.15">
      <c r="B14" s="290" t="s">
        <v>978</v>
      </c>
    </row>
    <row r="15" spans="2:28" x14ac:dyDescent="0.15">
      <c r="B15" s="296"/>
      <c r="C15" s="297" t="s">
        <v>683</v>
      </c>
      <c r="D15" s="297"/>
      <c r="E15" s="297"/>
      <c r="F15" s="297"/>
      <c r="G15" s="297"/>
      <c r="H15" s="297"/>
      <c r="I15" s="297"/>
      <c r="J15" s="297"/>
      <c r="K15" s="297"/>
      <c r="L15" s="297"/>
      <c r="M15" s="297"/>
      <c r="N15" s="297"/>
      <c r="O15" s="297"/>
      <c r="P15" s="297"/>
      <c r="Q15" s="297"/>
      <c r="R15" s="297"/>
      <c r="S15" s="297"/>
      <c r="T15" s="298"/>
      <c r="U15" s="296"/>
      <c r="V15" s="113" t="s">
        <v>94</v>
      </c>
      <c r="W15" s="113" t="s">
        <v>95</v>
      </c>
      <c r="X15" s="113" t="s">
        <v>96</v>
      </c>
      <c r="Y15" s="298"/>
      <c r="Z15"/>
      <c r="AA15"/>
      <c r="AB15"/>
    </row>
    <row r="16" spans="2:28" ht="6.75" customHeight="1" x14ac:dyDescent="0.15">
      <c r="B16" s="295"/>
      <c r="C16" s="259"/>
      <c r="D16" s="259"/>
      <c r="E16" s="259"/>
      <c r="F16" s="259"/>
      <c r="G16" s="259"/>
      <c r="H16" s="259"/>
      <c r="I16" s="259"/>
      <c r="J16" s="259"/>
      <c r="K16" s="259"/>
      <c r="L16" s="259"/>
      <c r="M16" s="259"/>
      <c r="N16" s="259"/>
      <c r="O16" s="259"/>
      <c r="P16" s="259"/>
      <c r="Q16" s="259"/>
      <c r="R16" s="259"/>
      <c r="S16" s="259"/>
      <c r="T16" s="294"/>
      <c r="U16" s="295"/>
      <c r="V16" s="94"/>
      <c r="W16" s="94"/>
      <c r="X16" s="94"/>
      <c r="Y16" s="294"/>
      <c r="Z16"/>
      <c r="AA16"/>
      <c r="AB16"/>
    </row>
    <row r="17" spans="2:28" ht="38.25" customHeight="1" x14ac:dyDescent="0.15">
      <c r="B17" s="295"/>
      <c r="C17" s="261" t="s">
        <v>684</v>
      </c>
      <c r="D17" s="629" t="s">
        <v>685</v>
      </c>
      <c r="E17" s="629"/>
      <c r="F17" s="629"/>
      <c r="G17" s="629"/>
      <c r="H17" s="629"/>
      <c r="I17" s="629"/>
      <c r="J17" s="629"/>
      <c r="K17" s="629"/>
      <c r="L17" s="629"/>
      <c r="M17" s="629"/>
      <c r="N17" s="629"/>
      <c r="O17" s="629"/>
      <c r="P17" s="629"/>
      <c r="Q17" s="629"/>
      <c r="R17" s="629"/>
      <c r="S17" s="630"/>
      <c r="T17" s="294"/>
      <c r="U17" s="295"/>
      <c r="V17" s="272" t="s">
        <v>0</v>
      </c>
      <c r="W17" s="272" t="s">
        <v>95</v>
      </c>
      <c r="X17" s="272" t="s">
        <v>0</v>
      </c>
      <c r="Y17" s="88"/>
    </row>
    <row r="18" spans="2:28" ht="35.25" customHeight="1" x14ac:dyDescent="0.15">
      <c r="B18" s="295"/>
      <c r="C18" s="261" t="s">
        <v>182</v>
      </c>
      <c r="D18" s="629" t="s">
        <v>686</v>
      </c>
      <c r="E18" s="629"/>
      <c r="F18" s="629"/>
      <c r="G18" s="629"/>
      <c r="H18" s="629"/>
      <c r="I18" s="629"/>
      <c r="J18" s="629"/>
      <c r="K18" s="629"/>
      <c r="L18" s="629"/>
      <c r="M18" s="629"/>
      <c r="N18" s="629"/>
      <c r="O18" s="629"/>
      <c r="P18" s="629"/>
      <c r="Q18" s="629"/>
      <c r="R18" s="629"/>
      <c r="S18" s="630"/>
      <c r="T18" s="294"/>
      <c r="U18" s="295"/>
      <c r="V18" s="272" t="s">
        <v>0</v>
      </c>
      <c r="W18" s="272" t="s">
        <v>95</v>
      </c>
      <c r="X18" s="272" t="s">
        <v>0</v>
      </c>
      <c r="Y18" s="88"/>
    </row>
    <row r="19" spans="2:28" ht="30.75" customHeight="1" x14ac:dyDescent="0.15">
      <c r="B19" s="295"/>
      <c r="C19" s="261" t="s">
        <v>264</v>
      </c>
      <c r="D19" s="627" t="s">
        <v>687</v>
      </c>
      <c r="E19" s="627"/>
      <c r="F19" s="627"/>
      <c r="G19" s="627"/>
      <c r="H19" s="627"/>
      <c r="I19" s="627"/>
      <c r="J19" s="627"/>
      <c r="K19" s="627"/>
      <c r="L19" s="627"/>
      <c r="M19" s="627"/>
      <c r="N19" s="627"/>
      <c r="O19" s="627"/>
      <c r="P19" s="627"/>
      <c r="Q19" s="627"/>
      <c r="R19" s="627"/>
      <c r="S19" s="628"/>
      <c r="T19" s="294"/>
      <c r="U19" s="295"/>
      <c r="V19" s="272" t="s">
        <v>0</v>
      </c>
      <c r="W19" s="272" t="s">
        <v>95</v>
      </c>
      <c r="X19" s="272" t="s">
        <v>0</v>
      </c>
      <c r="Y19" s="88"/>
    </row>
    <row r="20" spans="2:28" ht="25.5" customHeight="1" x14ac:dyDescent="0.15">
      <c r="B20" s="295"/>
      <c r="C20" s="261" t="s">
        <v>266</v>
      </c>
      <c r="D20" s="629" t="s">
        <v>688</v>
      </c>
      <c r="E20" s="629"/>
      <c r="F20" s="629"/>
      <c r="G20" s="629"/>
      <c r="H20" s="629"/>
      <c r="I20" s="629"/>
      <c r="J20" s="629"/>
      <c r="K20" s="629"/>
      <c r="L20" s="629"/>
      <c r="M20" s="629"/>
      <c r="N20" s="629"/>
      <c r="O20" s="629"/>
      <c r="P20" s="629"/>
      <c r="Q20" s="629"/>
      <c r="R20" s="629"/>
      <c r="S20" s="630"/>
      <c r="T20" s="294"/>
      <c r="U20" s="295"/>
      <c r="V20" s="272" t="s">
        <v>0</v>
      </c>
      <c r="W20" s="272" t="s">
        <v>95</v>
      </c>
      <c r="X20" s="272" t="s">
        <v>0</v>
      </c>
      <c r="Y20" s="88"/>
    </row>
    <row r="21" spans="2:28" ht="27.75" customHeight="1" x14ac:dyDescent="0.15">
      <c r="B21" s="295"/>
      <c r="C21" s="441" t="s">
        <v>273</v>
      </c>
      <c r="D21" s="631" t="s">
        <v>689</v>
      </c>
      <c r="E21" s="632"/>
      <c r="F21" s="629" t="s">
        <v>690</v>
      </c>
      <c r="G21" s="629"/>
      <c r="H21" s="629"/>
      <c r="I21" s="629"/>
      <c r="J21" s="629"/>
      <c r="K21" s="629"/>
      <c r="L21" s="629"/>
      <c r="M21" s="629"/>
      <c r="N21" s="629"/>
      <c r="O21" s="629"/>
      <c r="P21" s="629"/>
      <c r="Q21" s="629"/>
      <c r="R21" s="629"/>
      <c r="S21" s="630"/>
      <c r="T21" s="294"/>
      <c r="U21" s="295"/>
      <c r="V21" s="272" t="s">
        <v>0</v>
      </c>
      <c r="W21" s="272" t="s">
        <v>95</v>
      </c>
      <c r="X21" s="272" t="s">
        <v>0</v>
      </c>
      <c r="Y21" s="88"/>
    </row>
    <row r="22" spans="2:28" ht="27.75" customHeight="1" x14ac:dyDescent="0.15">
      <c r="B22" s="295"/>
      <c r="C22" s="444"/>
      <c r="D22" s="633"/>
      <c r="E22" s="634"/>
      <c r="F22" s="629" t="s">
        <v>691</v>
      </c>
      <c r="G22" s="629"/>
      <c r="H22" s="629"/>
      <c r="I22" s="629"/>
      <c r="J22" s="629"/>
      <c r="K22" s="629"/>
      <c r="L22" s="629"/>
      <c r="M22" s="629"/>
      <c r="N22" s="629"/>
      <c r="O22" s="629"/>
      <c r="P22" s="629"/>
      <c r="Q22" s="629"/>
      <c r="R22" s="629"/>
      <c r="S22" s="630"/>
      <c r="T22" s="294"/>
      <c r="U22" s="295"/>
      <c r="V22" s="272"/>
      <c r="W22" s="272"/>
      <c r="X22" s="272"/>
      <c r="Y22" s="88"/>
    </row>
    <row r="23" spans="2:28" ht="27" customHeight="1" x14ac:dyDescent="0.15">
      <c r="B23" s="295"/>
      <c r="C23" s="444"/>
      <c r="D23" s="633"/>
      <c r="E23" s="634"/>
      <c r="F23" s="629" t="s">
        <v>692</v>
      </c>
      <c r="G23" s="629"/>
      <c r="H23" s="629"/>
      <c r="I23" s="629"/>
      <c r="J23" s="629"/>
      <c r="K23" s="629"/>
      <c r="L23" s="629"/>
      <c r="M23" s="629"/>
      <c r="N23" s="629"/>
      <c r="O23" s="629"/>
      <c r="P23" s="629"/>
      <c r="Q23" s="629"/>
      <c r="R23" s="629"/>
      <c r="S23" s="630"/>
      <c r="T23" s="294"/>
      <c r="U23" s="295"/>
      <c r="V23" s="272"/>
      <c r="W23" s="272"/>
      <c r="X23" s="272"/>
      <c r="Y23" s="88"/>
    </row>
    <row r="24" spans="2:28" ht="27.75" customHeight="1" x14ac:dyDescent="0.15">
      <c r="B24" s="295"/>
      <c r="C24" s="446"/>
      <c r="D24" s="635"/>
      <c r="E24" s="636"/>
      <c r="F24" s="629" t="s">
        <v>693</v>
      </c>
      <c r="G24" s="629"/>
      <c r="H24" s="629"/>
      <c r="I24" s="629"/>
      <c r="J24" s="629"/>
      <c r="K24" s="629"/>
      <c r="L24" s="629"/>
      <c r="M24" s="629"/>
      <c r="N24" s="629"/>
      <c r="O24" s="629"/>
      <c r="P24" s="629"/>
      <c r="Q24" s="629"/>
      <c r="R24" s="629"/>
      <c r="S24" s="630"/>
      <c r="T24" s="294"/>
      <c r="U24" s="295"/>
      <c r="V24" s="272"/>
      <c r="W24" s="272"/>
      <c r="X24" s="272"/>
      <c r="Y24" s="88"/>
    </row>
    <row r="25" spans="2:28" ht="6" customHeight="1" x14ac:dyDescent="0.15">
      <c r="B25" s="295"/>
      <c r="C25" s="345"/>
      <c r="D25" s="272"/>
      <c r="E25" s="345"/>
      <c r="G25" s="345"/>
      <c r="H25" s="345"/>
      <c r="I25" s="345"/>
      <c r="J25" s="345"/>
      <c r="K25" s="345"/>
      <c r="L25" s="345"/>
      <c r="M25" s="345"/>
      <c r="N25" s="345"/>
      <c r="O25" s="345"/>
      <c r="P25" s="345"/>
      <c r="Q25" s="345"/>
      <c r="R25" s="345"/>
      <c r="S25" s="345"/>
      <c r="T25" s="294"/>
      <c r="U25" s="295"/>
      <c r="V25" s="335"/>
      <c r="W25" s="272"/>
      <c r="X25" s="335"/>
      <c r="Y25" s="88"/>
    </row>
    <row r="26" spans="2:28" x14ac:dyDescent="0.15">
      <c r="B26" s="295"/>
      <c r="C26" s="290" t="s">
        <v>694</v>
      </c>
      <c r="T26" s="294"/>
      <c r="U26" s="295"/>
      <c r="Y26" s="294"/>
      <c r="Z26"/>
      <c r="AA26"/>
      <c r="AB26"/>
    </row>
    <row r="27" spans="2:28" ht="5.25" customHeight="1" x14ac:dyDescent="0.15">
      <c r="B27" s="295"/>
      <c r="T27" s="294"/>
      <c r="U27" s="295"/>
      <c r="Y27" s="294"/>
      <c r="Z27"/>
      <c r="AA27"/>
      <c r="AB27"/>
    </row>
    <row r="28" spans="2:28" ht="35.25" customHeight="1" x14ac:dyDescent="0.15">
      <c r="B28" s="295"/>
      <c r="C28" s="261" t="s">
        <v>684</v>
      </c>
      <c r="D28" s="629" t="s">
        <v>695</v>
      </c>
      <c r="E28" s="629"/>
      <c r="F28" s="629"/>
      <c r="G28" s="629"/>
      <c r="H28" s="629"/>
      <c r="I28" s="629"/>
      <c r="J28" s="629"/>
      <c r="K28" s="629"/>
      <c r="L28" s="629"/>
      <c r="M28" s="629"/>
      <c r="N28" s="629"/>
      <c r="O28" s="629"/>
      <c r="P28" s="629"/>
      <c r="Q28" s="629"/>
      <c r="R28" s="629"/>
      <c r="S28" s="630"/>
      <c r="T28" s="294"/>
      <c r="U28" s="295"/>
      <c r="V28" s="272" t="s">
        <v>0</v>
      </c>
      <c r="W28" s="272" t="s">
        <v>95</v>
      </c>
      <c r="X28" s="272" t="s">
        <v>0</v>
      </c>
      <c r="Y28" s="88"/>
    </row>
    <row r="29" spans="2:28" ht="25.5" customHeight="1" x14ac:dyDescent="0.15">
      <c r="B29" s="295"/>
      <c r="C29" s="261" t="s">
        <v>182</v>
      </c>
      <c r="D29" s="629" t="s">
        <v>696</v>
      </c>
      <c r="E29" s="629"/>
      <c r="F29" s="629"/>
      <c r="G29" s="629"/>
      <c r="H29" s="629"/>
      <c r="I29" s="629"/>
      <c r="J29" s="629"/>
      <c r="K29" s="629"/>
      <c r="L29" s="629"/>
      <c r="M29" s="629"/>
      <c r="N29" s="629"/>
      <c r="O29" s="629"/>
      <c r="P29" s="629"/>
      <c r="Q29" s="629"/>
      <c r="R29" s="629"/>
      <c r="S29" s="630"/>
      <c r="T29" s="294"/>
      <c r="U29" s="295"/>
      <c r="V29" s="272" t="s">
        <v>0</v>
      </c>
      <c r="W29" s="272" t="s">
        <v>95</v>
      </c>
      <c r="X29" s="272" t="s">
        <v>0</v>
      </c>
      <c r="Y29" s="88"/>
    </row>
    <row r="30" spans="2:28" ht="22.5" customHeight="1" x14ac:dyDescent="0.15">
      <c r="B30" s="295"/>
      <c r="C30" s="261" t="s">
        <v>264</v>
      </c>
      <c r="D30" s="627" t="s">
        <v>687</v>
      </c>
      <c r="E30" s="627"/>
      <c r="F30" s="627"/>
      <c r="G30" s="627"/>
      <c r="H30" s="627"/>
      <c r="I30" s="627"/>
      <c r="J30" s="627"/>
      <c r="K30" s="627"/>
      <c r="L30" s="627"/>
      <c r="M30" s="627"/>
      <c r="N30" s="627"/>
      <c r="O30" s="627"/>
      <c r="P30" s="627"/>
      <c r="Q30" s="627"/>
      <c r="R30" s="627"/>
      <c r="S30" s="628"/>
      <c r="T30" s="294"/>
      <c r="U30" s="295"/>
      <c r="V30" s="272" t="s">
        <v>0</v>
      </c>
      <c r="W30" s="272" t="s">
        <v>95</v>
      </c>
      <c r="X30" s="272" t="s">
        <v>0</v>
      </c>
      <c r="Y30" s="88"/>
    </row>
    <row r="31" spans="2:28" ht="24" customHeight="1" x14ac:dyDescent="0.15">
      <c r="B31" s="295"/>
      <c r="C31" s="261" t="s">
        <v>266</v>
      </c>
      <c r="D31" s="629" t="s">
        <v>697</v>
      </c>
      <c r="E31" s="629"/>
      <c r="F31" s="629"/>
      <c r="G31" s="629"/>
      <c r="H31" s="629"/>
      <c r="I31" s="629"/>
      <c r="J31" s="629"/>
      <c r="K31" s="629"/>
      <c r="L31" s="629"/>
      <c r="M31" s="629"/>
      <c r="N31" s="629"/>
      <c r="O31" s="629"/>
      <c r="P31" s="629"/>
      <c r="Q31" s="629"/>
      <c r="R31" s="629"/>
      <c r="S31" s="630"/>
      <c r="T31" s="294"/>
      <c r="U31" s="295"/>
      <c r="V31" s="272" t="s">
        <v>0</v>
      </c>
      <c r="W31" s="272" t="s">
        <v>95</v>
      </c>
      <c r="X31" s="272" t="s">
        <v>0</v>
      </c>
      <c r="Y31" s="88"/>
    </row>
    <row r="32" spans="2:28" ht="24" customHeight="1" x14ac:dyDescent="0.15">
      <c r="B32" s="295"/>
      <c r="C32" s="441" t="s">
        <v>273</v>
      </c>
      <c r="D32" s="631" t="s">
        <v>689</v>
      </c>
      <c r="E32" s="632"/>
      <c r="F32" s="629" t="s">
        <v>698</v>
      </c>
      <c r="G32" s="629"/>
      <c r="H32" s="629"/>
      <c r="I32" s="629"/>
      <c r="J32" s="629"/>
      <c r="K32" s="629"/>
      <c r="L32" s="629"/>
      <c r="M32" s="629"/>
      <c r="N32" s="629"/>
      <c r="O32" s="629"/>
      <c r="P32" s="629"/>
      <c r="Q32" s="629"/>
      <c r="R32" s="629"/>
      <c r="S32" s="630"/>
      <c r="T32" s="294"/>
      <c r="U32" s="295"/>
      <c r="V32" s="272" t="s">
        <v>0</v>
      </c>
      <c r="W32" s="272" t="s">
        <v>95</v>
      </c>
      <c r="X32" s="272" t="s">
        <v>0</v>
      </c>
      <c r="Y32" s="88"/>
    </row>
    <row r="33" spans="2:28" ht="23.25" customHeight="1" x14ac:dyDescent="0.15">
      <c r="B33" s="295"/>
      <c r="C33" s="444"/>
      <c r="D33" s="633"/>
      <c r="E33" s="634"/>
      <c r="F33" s="629" t="s">
        <v>699</v>
      </c>
      <c r="G33" s="629"/>
      <c r="H33" s="629"/>
      <c r="I33" s="629"/>
      <c r="J33" s="629"/>
      <c r="K33" s="629"/>
      <c r="L33" s="629"/>
      <c r="M33" s="629"/>
      <c r="N33" s="629"/>
      <c r="O33" s="629"/>
      <c r="P33" s="629"/>
      <c r="Q33" s="629"/>
      <c r="R33" s="629"/>
      <c r="S33" s="630"/>
      <c r="T33" s="294"/>
      <c r="U33" s="295"/>
      <c r="V33" s="272"/>
      <c r="W33" s="272"/>
      <c r="X33" s="272"/>
      <c r="Y33" s="88"/>
    </row>
    <row r="34" spans="2:28" ht="22.5" customHeight="1" x14ac:dyDescent="0.15">
      <c r="B34" s="295"/>
      <c r="C34" s="444"/>
      <c r="D34" s="633"/>
      <c r="E34" s="634"/>
      <c r="F34" s="629" t="s">
        <v>691</v>
      </c>
      <c r="G34" s="629"/>
      <c r="H34" s="629"/>
      <c r="I34" s="629"/>
      <c r="J34" s="629"/>
      <c r="K34" s="629"/>
      <c r="L34" s="629"/>
      <c r="M34" s="629"/>
      <c r="N34" s="629"/>
      <c r="O34" s="629"/>
      <c r="P34" s="629"/>
      <c r="Q34" s="629"/>
      <c r="R34" s="629"/>
      <c r="S34" s="630"/>
      <c r="T34" s="294"/>
      <c r="U34" s="295"/>
      <c r="V34" s="272"/>
      <c r="W34" s="272"/>
      <c r="X34" s="272"/>
      <c r="Y34" s="88"/>
    </row>
    <row r="35" spans="2:28" ht="24.75" customHeight="1" x14ac:dyDescent="0.15">
      <c r="B35" s="295"/>
      <c r="C35" s="446"/>
      <c r="D35" s="635"/>
      <c r="E35" s="636"/>
      <c r="F35" s="629" t="s">
        <v>692</v>
      </c>
      <c r="G35" s="629"/>
      <c r="H35" s="629"/>
      <c r="I35" s="629"/>
      <c r="J35" s="629"/>
      <c r="K35" s="629"/>
      <c r="L35" s="629"/>
      <c r="M35" s="629"/>
      <c r="N35" s="629"/>
      <c r="O35" s="629"/>
      <c r="P35" s="629"/>
      <c r="Q35" s="629"/>
      <c r="R35" s="629"/>
      <c r="S35" s="630"/>
      <c r="T35" s="294"/>
      <c r="U35" s="295"/>
      <c r="V35" s="272"/>
      <c r="W35" s="272"/>
      <c r="X35" s="272"/>
      <c r="Y35" s="88"/>
    </row>
    <row r="36" spans="2:28" ht="5.25" customHeight="1" x14ac:dyDescent="0.15">
      <c r="B36" s="295"/>
      <c r="C36" s="98"/>
      <c r="D36" s="272"/>
      <c r="E36" s="345"/>
      <c r="G36" s="345"/>
      <c r="H36" s="345"/>
      <c r="I36" s="345"/>
      <c r="J36" s="345"/>
      <c r="K36" s="345"/>
      <c r="L36" s="345"/>
      <c r="M36" s="345"/>
      <c r="N36" s="345"/>
      <c r="O36" s="345"/>
      <c r="P36" s="345"/>
      <c r="Q36" s="345"/>
      <c r="R36" s="345"/>
      <c r="S36" s="345"/>
      <c r="T36" s="294"/>
      <c r="U36" s="295"/>
      <c r="V36" s="2"/>
      <c r="W36" s="2"/>
      <c r="X36" s="2"/>
      <c r="Y36" s="88"/>
    </row>
    <row r="37" spans="2:28" x14ac:dyDescent="0.15">
      <c r="B37" s="295"/>
      <c r="C37" s="290" t="s">
        <v>700</v>
      </c>
      <c r="T37" s="294"/>
      <c r="U37" s="295"/>
      <c r="Y37" s="294"/>
      <c r="Z37"/>
      <c r="AA37"/>
      <c r="AB37"/>
    </row>
    <row r="38" spans="2:28" ht="5.25" customHeight="1" x14ac:dyDescent="0.15">
      <c r="B38" s="295"/>
      <c r="C38" s="259"/>
      <c r="D38" s="259"/>
      <c r="E38" s="259"/>
      <c r="F38" s="259"/>
      <c r="G38" s="259"/>
      <c r="H38" s="259"/>
      <c r="I38" s="259"/>
      <c r="J38" s="259"/>
      <c r="K38" s="259"/>
      <c r="L38" s="259"/>
      <c r="M38" s="259"/>
      <c r="N38" s="259"/>
      <c r="O38" s="259"/>
      <c r="P38" s="259"/>
      <c r="Q38" s="259"/>
      <c r="R38" s="259"/>
      <c r="S38" s="259"/>
      <c r="T38" s="294"/>
      <c r="U38" s="295"/>
      <c r="Y38" s="294"/>
      <c r="Z38"/>
      <c r="AA38"/>
      <c r="AB38"/>
    </row>
    <row r="39" spans="2:28" ht="37.5" customHeight="1" x14ac:dyDescent="0.15">
      <c r="B39" s="295"/>
      <c r="C39" s="305" t="s">
        <v>180</v>
      </c>
      <c r="D39" s="637" t="s">
        <v>701</v>
      </c>
      <c r="E39" s="637"/>
      <c r="F39" s="637"/>
      <c r="G39" s="637"/>
      <c r="H39" s="637"/>
      <c r="I39" s="637"/>
      <c r="J39" s="637"/>
      <c r="K39" s="637"/>
      <c r="L39" s="637"/>
      <c r="M39" s="637"/>
      <c r="N39" s="637"/>
      <c r="O39" s="637"/>
      <c r="P39" s="637"/>
      <c r="Q39" s="637"/>
      <c r="R39" s="637"/>
      <c r="S39" s="638"/>
      <c r="T39" s="294"/>
      <c r="U39" s="295"/>
      <c r="V39" s="272" t="s">
        <v>0</v>
      </c>
      <c r="W39" s="272" t="s">
        <v>95</v>
      </c>
      <c r="X39" s="272" t="s">
        <v>0</v>
      </c>
      <c r="Y39" s="88"/>
    </row>
    <row r="40" spans="2:28" ht="37.5" customHeight="1" x14ac:dyDescent="0.15">
      <c r="B40" s="295"/>
      <c r="C40" s="261" t="s">
        <v>182</v>
      </c>
      <c r="D40" s="629" t="s">
        <v>702</v>
      </c>
      <c r="E40" s="629"/>
      <c r="F40" s="629"/>
      <c r="G40" s="629"/>
      <c r="H40" s="629"/>
      <c r="I40" s="629"/>
      <c r="J40" s="629"/>
      <c r="K40" s="629"/>
      <c r="L40" s="629"/>
      <c r="M40" s="629"/>
      <c r="N40" s="629"/>
      <c r="O40" s="629"/>
      <c r="P40" s="629"/>
      <c r="Q40" s="629"/>
      <c r="R40" s="629"/>
      <c r="S40" s="630"/>
      <c r="T40" s="294"/>
      <c r="U40" s="295"/>
      <c r="V40" s="272" t="s">
        <v>0</v>
      </c>
      <c r="W40" s="272" t="s">
        <v>95</v>
      </c>
      <c r="X40" s="272" t="s">
        <v>0</v>
      </c>
      <c r="Y40" s="88"/>
    </row>
    <row r="41" spans="2:28" ht="29.25" customHeight="1" x14ac:dyDescent="0.15">
      <c r="B41" s="295"/>
      <c r="C41" s="261" t="s">
        <v>264</v>
      </c>
      <c r="D41" s="629" t="s">
        <v>696</v>
      </c>
      <c r="E41" s="629"/>
      <c r="F41" s="629"/>
      <c r="G41" s="629"/>
      <c r="H41" s="629"/>
      <c r="I41" s="629"/>
      <c r="J41" s="629"/>
      <c r="K41" s="629"/>
      <c r="L41" s="629"/>
      <c r="M41" s="629"/>
      <c r="N41" s="629"/>
      <c r="O41" s="629"/>
      <c r="P41" s="629"/>
      <c r="Q41" s="629"/>
      <c r="R41" s="629"/>
      <c r="S41" s="630"/>
      <c r="T41" s="294"/>
      <c r="U41" s="295"/>
      <c r="V41" s="272" t="s">
        <v>0</v>
      </c>
      <c r="W41" s="272" t="s">
        <v>95</v>
      </c>
      <c r="X41" s="272" t="s">
        <v>0</v>
      </c>
      <c r="Y41" s="88"/>
    </row>
    <row r="42" spans="2:28" ht="18" customHeight="1" x14ac:dyDescent="0.15">
      <c r="B42" s="295"/>
      <c r="C42" s="261" t="s">
        <v>266</v>
      </c>
      <c r="D42" s="627" t="s">
        <v>687</v>
      </c>
      <c r="E42" s="627"/>
      <c r="F42" s="627"/>
      <c r="G42" s="627"/>
      <c r="H42" s="627"/>
      <c r="I42" s="627"/>
      <c r="J42" s="627"/>
      <c r="K42" s="627"/>
      <c r="L42" s="627"/>
      <c r="M42" s="627"/>
      <c r="N42" s="627"/>
      <c r="O42" s="627"/>
      <c r="P42" s="627"/>
      <c r="Q42" s="627"/>
      <c r="R42" s="627"/>
      <c r="S42" s="628"/>
      <c r="T42" s="294"/>
      <c r="U42" s="295"/>
      <c r="V42" s="272" t="s">
        <v>0</v>
      </c>
      <c r="W42" s="272" t="s">
        <v>95</v>
      </c>
      <c r="X42" s="272" t="s">
        <v>0</v>
      </c>
      <c r="Y42" s="88"/>
    </row>
    <row r="43" spans="2:28" ht="27.75" customHeight="1" x14ac:dyDescent="0.15">
      <c r="B43" s="295"/>
      <c r="C43" s="261" t="s">
        <v>273</v>
      </c>
      <c r="D43" s="629" t="s">
        <v>697</v>
      </c>
      <c r="E43" s="629"/>
      <c r="F43" s="629"/>
      <c r="G43" s="629"/>
      <c r="H43" s="629"/>
      <c r="I43" s="629"/>
      <c r="J43" s="629"/>
      <c r="K43" s="629"/>
      <c r="L43" s="629"/>
      <c r="M43" s="629"/>
      <c r="N43" s="629"/>
      <c r="O43" s="629"/>
      <c r="P43" s="629"/>
      <c r="Q43" s="629"/>
      <c r="R43" s="629"/>
      <c r="S43" s="630"/>
      <c r="T43" s="294"/>
      <c r="U43" s="295"/>
      <c r="V43" s="272" t="s">
        <v>0</v>
      </c>
      <c r="W43" s="272" t="s">
        <v>95</v>
      </c>
      <c r="X43" s="272" t="s">
        <v>0</v>
      </c>
      <c r="Y43" s="88"/>
    </row>
    <row r="44" spans="2:28" ht="24" customHeight="1" x14ac:dyDescent="0.15">
      <c r="B44" s="295"/>
      <c r="C44" s="441" t="s">
        <v>275</v>
      </c>
      <c r="D44" s="631" t="s">
        <v>689</v>
      </c>
      <c r="E44" s="632"/>
      <c r="F44" s="629" t="s">
        <v>698</v>
      </c>
      <c r="G44" s="629"/>
      <c r="H44" s="629"/>
      <c r="I44" s="629"/>
      <c r="J44" s="629"/>
      <c r="K44" s="629"/>
      <c r="L44" s="629"/>
      <c r="M44" s="629"/>
      <c r="N44" s="629"/>
      <c r="O44" s="629"/>
      <c r="P44" s="629"/>
      <c r="Q44" s="629"/>
      <c r="R44" s="629"/>
      <c r="S44" s="630"/>
      <c r="T44" s="294"/>
      <c r="U44" s="295"/>
      <c r="V44" s="272" t="s">
        <v>0</v>
      </c>
      <c r="W44" s="272" t="s">
        <v>95</v>
      </c>
      <c r="X44" s="272" t="s">
        <v>0</v>
      </c>
      <c r="Y44" s="88"/>
    </row>
    <row r="45" spans="2:28" ht="26.25" customHeight="1" x14ac:dyDescent="0.15">
      <c r="B45" s="295"/>
      <c r="C45" s="444"/>
      <c r="D45" s="633"/>
      <c r="E45" s="634"/>
      <c r="F45" s="629" t="s">
        <v>699</v>
      </c>
      <c r="G45" s="629"/>
      <c r="H45" s="629"/>
      <c r="I45" s="629"/>
      <c r="J45" s="629"/>
      <c r="K45" s="629"/>
      <c r="L45" s="629"/>
      <c r="M45" s="629"/>
      <c r="N45" s="629"/>
      <c r="O45" s="629"/>
      <c r="P45" s="629"/>
      <c r="Q45" s="629"/>
      <c r="R45" s="629"/>
      <c r="S45" s="630"/>
      <c r="T45" s="294"/>
      <c r="U45" s="295"/>
      <c r="V45" s="272"/>
      <c r="W45" s="272"/>
      <c r="X45" s="272"/>
      <c r="Y45" s="88"/>
    </row>
    <row r="46" spans="2:28" ht="18.75" customHeight="1" x14ac:dyDescent="0.15">
      <c r="B46" s="295"/>
      <c r="C46" s="444"/>
      <c r="D46" s="633"/>
      <c r="E46" s="634"/>
      <c r="F46" s="629" t="s">
        <v>691</v>
      </c>
      <c r="G46" s="629"/>
      <c r="H46" s="629"/>
      <c r="I46" s="629"/>
      <c r="J46" s="629"/>
      <c r="K46" s="629"/>
      <c r="L46" s="629"/>
      <c r="M46" s="629"/>
      <c r="N46" s="629"/>
      <c r="O46" s="629"/>
      <c r="P46" s="629"/>
      <c r="Q46" s="629"/>
      <c r="R46" s="629"/>
      <c r="S46" s="630"/>
      <c r="T46" s="294"/>
      <c r="U46" s="295"/>
      <c r="V46" s="272"/>
      <c r="W46" s="272"/>
      <c r="X46" s="272"/>
      <c r="Y46" s="88"/>
    </row>
    <row r="47" spans="2:28" ht="25.5" customHeight="1" x14ac:dyDescent="0.15">
      <c r="B47" s="295"/>
      <c r="C47" s="446"/>
      <c r="D47" s="635"/>
      <c r="E47" s="636"/>
      <c r="F47" s="629" t="s">
        <v>692</v>
      </c>
      <c r="G47" s="629"/>
      <c r="H47" s="629"/>
      <c r="I47" s="629"/>
      <c r="J47" s="629"/>
      <c r="K47" s="629"/>
      <c r="L47" s="629"/>
      <c r="M47" s="629"/>
      <c r="N47" s="629"/>
      <c r="O47" s="629"/>
      <c r="P47" s="629"/>
      <c r="Q47" s="629"/>
      <c r="R47" s="629"/>
      <c r="S47" s="630"/>
      <c r="T47" s="294"/>
      <c r="U47" s="295"/>
      <c r="V47" s="272"/>
      <c r="W47" s="272"/>
      <c r="X47" s="272"/>
      <c r="Y47" s="88"/>
    </row>
    <row r="48" spans="2:28" x14ac:dyDescent="0.15">
      <c r="B48" s="299"/>
      <c r="C48" s="259"/>
      <c r="D48" s="259"/>
      <c r="E48" s="259"/>
      <c r="F48" s="259"/>
      <c r="G48" s="259"/>
      <c r="H48" s="259"/>
      <c r="I48" s="259"/>
      <c r="J48" s="259"/>
      <c r="K48" s="259"/>
      <c r="L48" s="259"/>
      <c r="M48" s="259"/>
      <c r="N48" s="259"/>
      <c r="O48" s="259"/>
      <c r="P48" s="259"/>
      <c r="Q48" s="259"/>
      <c r="R48" s="259"/>
      <c r="S48" s="259"/>
      <c r="T48" s="300"/>
      <c r="U48" s="299"/>
      <c r="V48" s="259"/>
      <c r="W48" s="259"/>
      <c r="X48" s="259"/>
      <c r="Y48" s="300"/>
    </row>
    <row r="49" spans="2:28" ht="4.5" customHeight="1" x14ac:dyDescent="0.15">
      <c r="Z49"/>
      <c r="AA49"/>
      <c r="AB49"/>
    </row>
    <row r="50" spans="2:28" x14ac:dyDescent="0.15">
      <c r="B50" s="290" t="s">
        <v>703</v>
      </c>
      <c r="Z50"/>
      <c r="AA50"/>
      <c r="AB50"/>
    </row>
    <row r="51" spans="2:28" ht="24" customHeight="1" x14ac:dyDescent="0.15">
      <c r="B51" s="296"/>
      <c r="C51" s="639" t="s">
        <v>979</v>
      </c>
      <c r="D51" s="639"/>
      <c r="E51" s="639"/>
      <c r="F51" s="639"/>
      <c r="G51" s="639"/>
      <c r="H51" s="639"/>
      <c r="I51" s="639"/>
      <c r="J51" s="639"/>
      <c r="K51" s="639"/>
      <c r="L51" s="639"/>
      <c r="M51" s="639"/>
      <c r="N51" s="639"/>
      <c r="O51" s="639"/>
      <c r="P51" s="639"/>
      <c r="Q51" s="639"/>
      <c r="R51" s="639"/>
      <c r="S51" s="639"/>
      <c r="T51" s="298"/>
      <c r="U51" s="297"/>
      <c r="V51" s="113" t="s">
        <v>94</v>
      </c>
      <c r="W51" s="113" t="s">
        <v>95</v>
      </c>
      <c r="X51" s="113" t="s">
        <v>96</v>
      </c>
      <c r="Y51" s="298"/>
      <c r="Z51"/>
      <c r="AA51"/>
      <c r="AB51"/>
    </row>
    <row r="52" spans="2:28" ht="5.25" customHeight="1" x14ac:dyDescent="0.15">
      <c r="B52" s="295"/>
      <c r="C52" s="246"/>
      <c r="D52" s="246"/>
      <c r="E52" s="246"/>
      <c r="F52" s="246"/>
      <c r="G52" s="246"/>
      <c r="H52" s="246"/>
      <c r="I52" s="246"/>
      <c r="J52" s="246"/>
      <c r="K52" s="246"/>
      <c r="L52" s="246"/>
      <c r="M52" s="246"/>
      <c r="N52" s="246"/>
      <c r="O52" s="246"/>
      <c r="P52" s="246"/>
      <c r="Q52" s="246"/>
      <c r="R52" s="246"/>
      <c r="S52" s="246"/>
      <c r="T52" s="294"/>
      <c r="V52" s="94"/>
      <c r="W52" s="94"/>
      <c r="X52" s="94"/>
      <c r="Y52" s="294"/>
      <c r="Z52"/>
      <c r="AA52"/>
      <c r="AB52"/>
    </row>
    <row r="53" spans="2:28" ht="21" customHeight="1" x14ac:dyDescent="0.15">
      <c r="B53" s="295"/>
      <c r="C53" s="261" t="s">
        <v>180</v>
      </c>
      <c r="D53" s="629" t="s">
        <v>704</v>
      </c>
      <c r="E53" s="629"/>
      <c r="F53" s="629"/>
      <c r="G53" s="629"/>
      <c r="H53" s="629"/>
      <c r="I53" s="629"/>
      <c r="J53" s="629"/>
      <c r="K53" s="629"/>
      <c r="L53" s="629"/>
      <c r="M53" s="629"/>
      <c r="N53" s="629"/>
      <c r="O53" s="629"/>
      <c r="P53" s="629"/>
      <c r="Q53" s="629"/>
      <c r="R53" s="629"/>
      <c r="S53" s="630"/>
      <c r="T53" s="294"/>
      <c r="V53" s="272" t="s">
        <v>0</v>
      </c>
      <c r="W53" s="272" t="s">
        <v>95</v>
      </c>
      <c r="X53" s="272" t="s">
        <v>0</v>
      </c>
      <c r="Y53" s="294"/>
      <c r="Z53"/>
      <c r="AA53"/>
      <c r="AB53"/>
    </row>
    <row r="54" spans="2:28" ht="5.25" customHeight="1" x14ac:dyDescent="0.15">
      <c r="B54" s="295"/>
      <c r="D54" s="344"/>
      <c r="T54" s="294"/>
      <c r="V54" s="272"/>
      <c r="W54" s="272"/>
      <c r="X54" s="272"/>
      <c r="Y54" s="294"/>
      <c r="Z54"/>
      <c r="AA54"/>
      <c r="AB54"/>
    </row>
    <row r="55" spans="2:28" ht="24.75" customHeight="1" x14ac:dyDescent="0.15">
      <c r="B55" s="295"/>
      <c r="C55" s="640" t="s">
        <v>980</v>
      </c>
      <c r="D55" s="640"/>
      <c r="E55" s="640"/>
      <c r="F55" s="640"/>
      <c r="G55" s="640"/>
      <c r="H55" s="640"/>
      <c r="I55" s="640"/>
      <c r="J55" s="640"/>
      <c r="K55" s="640"/>
      <c r="L55" s="640"/>
      <c r="M55" s="640"/>
      <c r="N55" s="640"/>
      <c r="O55" s="640"/>
      <c r="P55" s="640"/>
      <c r="Q55" s="640"/>
      <c r="R55" s="640"/>
      <c r="S55" s="640"/>
      <c r="T55" s="294"/>
      <c r="V55" s="335"/>
      <c r="W55" s="272"/>
      <c r="X55" s="335"/>
      <c r="Y55" s="88"/>
    </row>
    <row r="56" spans="2:28" ht="6" customHeight="1" x14ac:dyDescent="0.15">
      <c r="B56" s="295"/>
      <c r="C56" s="246"/>
      <c r="D56" s="246"/>
      <c r="E56" s="246"/>
      <c r="F56" s="246"/>
      <c r="G56" s="246"/>
      <c r="H56" s="246"/>
      <c r="I56" s="246"/>
      <c r="J56" s="246"/>
      <c r="K56" s="246"/>
      <c r="L56" s="246"/>
      <c r="M56" s="246"/>
      <c r="N56" s="246"/>
      <c r="O56" s="246"/>
      <c r="P56" s="246"/>
      <c r="Q56" s="246"/>
      <c r="R56" s="246"/>
      <c r="S56" s="246"/>
      <c r="T56" s="294"/>
      <c r="V56" s="335"/>
      <c r="W56" s="272"/>
      <c r="X56" s="335"/>
      <c r="Y56" s="88"/>
    </row>
    <row r="57" spans="2:28" ht="22.5" customHeight="1" x14ac:dyDescent="0.15">
      <c r="B57" s="295"/>
      <c r="C57" s="261" t="s">
        <v>180</v>
      </c>
      <c r="D57" s="629" t="s">
        <v>705</v>
      </c>
      <c r="E57" s="629"/>
      <c r="F57" s="629"/>
      <c r="G57" s="629"/>
      <c r="H57" s="629"/>
      <c r="I57" s="629"/>
      <c r="J57" s="629"/>
      <c r="K57" s="629"/>
      <c r="L57" s="629"/>
      <c r="M57" s="629"/>
      <c r="N57" s="629"/>
      <c r="O57" s="629"/>
      <c r="P57" s="629"/>
      <c r="Q57" s="629"/>
      <c r="R57" s="629"/>
      <c r="S57" s="630"/>
      <c r="T57" s="294"/>
      <c r="V57" s="272" t="s">
        <v>0</v>
      </c>
      <c r="W57" s="272" t="s">
        <v>95</v>
      </c>
      <c r="X57" s="272" t="s">
        <v>0</v>
      </c>
      <c r="Y57" s="88"/>
    </row>
    <row r="58" spans="2:28" ht="5.25" customHeight="1" x14ac:dyDescent="0.15">
      <c r="B58" s="299"/>
      <c r="C58" s="259"/>
      <c r="D58" s="259"/>
      <c r="E58" s="259"/>
      <c r="F58" s="259"/>
      <c r="G58" s="259"/>
      <c r="H58" s="259"/>
      <c r="I58" s="259"/>
      <c r="J58" s="259"/>
      <c r="K58" s="259"/>
      <c r="L58" s="259"/>
      <c r="M58" s="259"/>
      <c r="N58" s="259"/>
      <c r="O58" s="259"/>
      <c r="P58" s="259"/>
      <c r="Q58" s="259"/>
      <c r="R58" s="259"/>
      <c r="S58" s="259"/>
      <c r="T58" s="300"/>
      <c r="U58" s="259"/>
      <c r="V58" s="259"/>
      <c r="W58" s="259"/>
      <c r="X58" s="259"/>
      <c r="Y58" s="300"/>
    </row>
    <row r="59" spans="2:28" x14ac:dyDescent="0.15">
      <c r="B59" s="290" t="s">
        <v>280</v>
      </c>
    </row>
    <row r="60" spans="2:28" x14ac:dyDescent="0.15">
      <c r="B60" s="290" t="s">
        <v>281</v>
      </c>
      <c r="K60"/>
      <c r="L60"/>
      <c r="M60"/>
      <c r="N60"/>
      <c r="O60"/>
      <c r="P60"/>
      <c r="Q60"/>
      <c r="R60"/>
      <c r="S60"/>
      <c r="T60"/>
      <c r="U60"/>
      <c r="V60"/>
      <c r="W60"/>
      <c r="X60"/>
      <c r="Y60"/>
      <c r="Z60"/>
      <c r="AA60"/>
      <c r="AB60"/>
    </row>
    <row r="122" spans="3:7" x14ac:dyDescent="0.15">
      <c r="C122" s="259"/>
      <c r="D122" s="259"/>
      <c r="E122" s="259"/>
      <c r="F122" s="259"/>
      <c r="G122" s="259"/>
    </row>
    <row r="123" spans="3:7" x14ac:dyDescent="0.15">
      <c r="C123" s="297"/>
    </row>
  </sheetData>
  <mergeCells count="46">
    <mergeCell ref="F47:S47"/>
    <mergeCell ref="C51:S51"/>
    <mergeCell ref="D53:S53"/>
    <mergeCell ref="C55:S55"/>
    <mergeCell ref="D57:S57"/>
    <mergeCell ref="C44:C47"/>
    <mergeCell ref="D44:E47"/>
    <mergeCell ref="F44:S44"/>
    <mergeCell ref="F45:S45"/>
    <mergeCell ref="F46:S46"/>
    <mergeCell ref="D39:S39"/>
    <mergeCell ref="D40:S40"/>
    <mergeCell ref="D41:S41"/>
    <mergeCell ref="D42:S42"/>
    <mergeCell ref="D43:S43"/>
    <mergeCell ref="D28:S28"/>
    <mergeCell ref="D29:S29"/>
    <mergeCell ref="D30:S30"/>
    <mergeCell ref="D31:S31"/>
    <mergeCell ref="C32:C35"/>
    <mergeCell ref="D32:E35"/>
    <mergeCell ref="F32:S32"/>
    <mergeCell ref="F33:S33"/>
    <mergeCell ref="F34:S34"/>
    <mergeCell ref="F35:S35"/>
    <mergeCell ref="D20:S20"/>
    <mergeCell ref="C21:C24"/>
    <mergeCell ref="D21:E24"/>
    <mergeCell ref="F21:S21"/>
    <mergeCell ref="F22:S22"/>
    <mergeCell ref="F23:S23"/>
    <mergeCell ref="F24:S24"/>
    <mergeCell ref="D19:S19"/>
    <mergeCell ref="B4:Y4"/>
    <mergeCell ref="B6:F6"/>
    <mergeCell ref="G6:Y6"/>
    <mergeCell ref="B7:F7"/>
    <mergeCell ref="B8:F10"/>
    <mergeCell ref="H8:Y8"/>
    <mergeCell ref="H9:Y9"/>
    <mergeCell ref="H10:Y10"/>
    <mergeCell ref="B11:F12"/>
    <mergeCell ref="H11:Y11"/>
    <mergeCell ref="H12:Y12"/>
    <mergeCell ref="D17:S17"/>
    <mergeCell ref="D18:S18"/>
  </mergeCells>
  <phoneticPr fontId="1"/>
  <dataValidations count="1">
    <dataValidation type="list" allowBlank="1" showInputMessage="1" showErrorMessage="1" sqref="L7 Q7 G7:G12 X57 V57 X17:X24 X28:X35 V17:V24 V28:V35 V39:V47 X39:X47 V53:V54 X53:X54">
      <formula1>"□,■"</formula1>
    </dataValidation>
  </dataValidations>
  <pageMargins left="0.7" right="0.7" top="0.75" bottom="0.75" header="0.3" footer="0.3"/>
  <pageSetup paperSize="9" scale="70" orientation="portrait" r:id="rId1"/>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F121"/>
  <sheetViews>
    <sheetView zoomScaleNormal="100" workbookViewId="0">
      <selection activeCell="F61" sqref="F61"/>
    </sheetView>
  </sheetViews>
  <sheetFormatPr defaultColWidth="4" defaultRowHeight="13.5" x14ac:dyDescent="0.15"/>
  <cols>
    <col min="1" max="1" width="2.875" style="290" customWidth="1"/>
    <col min="2" max="2" width="2.375" style="290" customWidth="1"/>
    <col min="3" max="3" width="3.5" style="290" customWidth="1"/>
    <col min="4" max="10" width="3.625" style="290" customWidth="1"/>
    <col min="11" max="11" width="4.875" style="290" customWidth="1"/>
    <col min="12" max="15" width="3.625" style="290" customWidth="1"/>
    <col min="16" max="16" width="1.5" style="290" customWidth="1"/>
    <col min="17" max="18" width="3.625" style="290" customWidth="1"/>
    <col min="19" max="19" width="2.75" style="290" customWidth="1"/>
    <col min="20" max="28" width="3.625" style="290" customWidth="1"/>
    <col min="29" max="29" width="2.5" style="290" customWidth="1"/>
    <col min="30" max="30" width="1.875" style="290" customWidth="1"/>
    <col min="31" max="16384" width="4" style="290"/>
  </cols>
  <sheetData>
    <row r="2" spans="2:29" x14ac:dyDescent="0.15">
      <c r="B2" s="290" t="s">
        <v>667</v>
      </c>
      <c r="C2"/>
      <c r="D2"/>
      <c r="E2"/>
      <c r="F2"/>
      <c r="G2"/>
      <c r="H2"/>
      <c r="I2"/>
      <c r="J2"/>
      <c r="K2"/>
      <c r="L2"/>
      <c r="M2"/>
      <c r="N2"/>
      <c r="O2"/>
      <c r="P2"/>
      <c r="Q2"/>
      <c r="R2"/>
      <c r="S2"/>
      <c r="T2"/>
      <c r="U2"/>
      <c r="V2"/>
      <c r="W2"/>
      <c r="X2"/>
      <c r="Y2"/>
      <c r="Z2"/>
    </row>
    <row r="3" spans="2:29" x14ac:dyDescent="0.15">
      <c r="AA3" s="283"/>
      <c r="AB3" s="272"/>
      <c r="AC3" s="283"/>
    </row>
    <row r="4" spans="2:29" ht="34.5" customHeight="1" x14ac:dyDescent="0.15">
      <c r="B4" s="528" t="s">
        <v>668</v>
      </c>
      <c r="C4" s="392"/>
      <c r="D4" s="392"/>
      <c r="E4" s="392"/>
      <c r="F4" s="392"/>
      <c r="G4" s="392"/>
      <c r="H4" s="392"/>
      <c r="I4" s="392"/>
      <c r="J4" s="392"/>
      <c r="K4" s="392"/>
      <c r="L4" s="392"/>
      <c r="M4" s="392"/>
      <c r="N4" s="392"/>
      <c r="O4" s="392"/>
      <c r="P4" s="392"/>
      <c r="Q4" s="392"/>
      <c r="R4" s="392"/>
      <c r="S4" s="392"/>
      <c r="T4" s="392"/>
      <c r="U4" s="392"/>
      <c r="V4" s="392"/>
      <c r="W4" s="392"/>
      <c r="X4" s="392"/>
      <c r="Y4" s="392"/>
      <c r="Z4" s="392"/>
    </row>
    <row r="5" spans="2:29" ht="16.5" customHeight="1" x14ac:dyDescent="0.15">
      <c r="B5" s="392" t="s">
        <v>669</v>
      </c>
      <c r="C5" s="392"/>
      <c r="D5" s="392"/>
      <c r="E5" s="392"/>
      <c r="F5" s="392"/>
      <c r="G5" s="392"/>
      <c r="H5" s="392"/>
      <c r="I5" s="392"/>
      <c r="J5" s="392"/>
      <c r="K5" s="392"/>
      <c r="L5" s="392"/>
      <c r="M5" s="392"/>
      <c r="N5" s="392"/>
      <c r="O5" s="392"/>
      <c r="P5" s="392"/>
      <c r="Q5" s="392"/>
      <c r="R5" s="392"/>
      <c r="S5" s="392"/>
      <c r="T5" s="392"/>
      <c r="U5" s="392"/>
      <c r="V5" s="392"/>
      <c r="W5" s="392"/>
      <c r="X5" s="392"/>
      <c r="Y5" s="392"/>
      <c r="Z5" s="392"/>
    </row>
    <row r="6" spans="2:29" ht="13.5" customHeight="1" x14ac:dyDescent="0.15">
      <c r="B6" s="272"/>
      <c r="C6" s="272"/>
      <c r="D6" s="272"/>
      <c r="E6" s="272"/>
      <c r="F6" s="272"/>
      <c r="G6" s="272"/>
      <c r="H6" s="272"/>
      <c r="I6" s="272"/>
      <c r="J6" s="272"/>
      <c r="K6" s="272"/>
      <c r="L6" s="272"/>
      <c r="M6" s="272"/>
      <c r="N6" s="272"/>
      <c r="O6" s="272"/>
      <c r="P6" s="272"/>
      <c r="Q6" s="272"/>
      <c r="R6" s="272"/>
      <c r="S6" s="272"/>
      <c r="T6" s="272"/>
      <c r="U6" s="272"/>
      <c r="V6" s="272"/>
      <c r="W6" s="272"/>
      <c r="X6" s="272"/>
      <c r="Y6" s="272"/>
      <c r="Z6" s="272"/>
    </row>
    <row r="7" spans="2:29" ht="24" customHeight="1" x14ac:dyDescent="0.15">
      <c r="B7" s="393" t="s">
        <v>115</v>
      </c>
      <c r="C7" s="393"/>
      <c r="D7" s="393"/>
      <c r="E7" s="393"/>
      <c r="F7" s="393"/>
      <c r="G7" s="394"/>
      <c r="H7" s="395"/>
      <c r="I7" s="395"/>
      <c r="J7" s="395"/>
      <c r="K7" s="395"/>
      <c r="L7" s="395"/>
      <c r="M7" s="395"/>
      <c r="N7" s="395"/>
      <c r="O7" s="395"/>
      <c r="P7" s="395"/>
      <c r="Q7" s="395"/>
      <c r="R7" s="395"/>
      <c r="S7" s="395"/>
      <c r="T7" s="395"/>
      <c r="U7" s="395"/>
      <c r="V7" s="395"/>
      <c r="W7" s="395"/>
      <c r="X7" s="395"/>
      <c r="Y7" s="395"/>
      <c r="Z7" s="396"/>
    </row>
    <row r="8" spans="2:29" ht="24" customHeight="1" x14ac:dyDescent="0.15">
      <c r="B8" s="393" t="s">
        <v>116</v>
      </c>
      <c r="C8" s="393"/>
      <c r="D8" s="393"/>
      <c r="E8" s="393"/>
      <c r="F8" s="393"/>
      <c r="G8" s="250" t="s">
        <v>0</v>
      </c>
      <c r="H8" s="315" t="s">
        <v>87</v>
      </c>
      <c r="I8" s="315"/>
      <c r="J8" s="315"/>
      <c r="K8" s="315"/>
      <c r="L8" s="250" t="s">
        <v>0</v>
      </c>
      <c r="M8" s="315" t="s">
        <v>88</v>
      </c>
      <c r="N8" s="315"/>
      <c r="O8" s="315"/>
      <c r="P8" s="315"/>
      <c r="Q8" s="250" t="s">
        <v>0</v>
      </c>
      <c r="R8" s="315" t="s">
        <v>89</v>
      </c>
      <c r="S8" s="315"/>
      <c r="T8" s="315"/>
      <c r="U8" s="315"/>
      <c r="V8" s="315"/>
      <c r="W8" s="315"/>
      <c r="X8" s="315"/>
      <c r="Y8" s="286"/>
      <c r="Z8" s="287"/>
    </row>
    <row r="9" spans="2:29" ht="21.95" customHeight="1" x14ac:dyDescent="0.15">
      <c r="B9" s="401" t="s">
        <v>256</v>
      </c>
      <c r="C9" s="402"/>
      <c r="D9" s="402"/>
      <c r="E9" s="402"/>
      <c r="F9" s="403"/>
      <c r="G9" s="252" t="s">
        <v>0</v>
      </c>
      <c r="H9" s="297" t="s">
        <v>709</v>
      </c>
      <c r="I9" s="265"/>
      <c r="J9" s="265"/>
      <c r="K9" s="265"/>
      <c r="L9" s="265"/>
      <c r="M9" s="265"/>
      <c r="N9" s="265"/>
      <c r="O9" s="265"/>
      <c r="P9" s="265"/>
      <c r="Q9" s="265"/>
      <c r="R9" s="265"/>
      <c r="S9" s="265"/>
      <c r="T9" s="265"/>
      <c r="U9" s="265"/>
      <c r="V9" s="265"/>
      <c r="W9" s="265"/>
      <c r="X9" s="265"/>
      <c r="Y9" s="265"/>
      <c r="Z9" s="266"/>
    </row>
    <row r="10" spans="2:29" ht="21.95" customHeight="1" x14ac:dyDescent="0.15">
      <c r="B10" s="404"/>
      <c r="C10" s="405"/>
      <c r="D10" s="405"/>
      <c r="E10" s="405"/>
      <c r="F10" s="406"/>
      <c r="G10" s="255" t="s">
        <v>0</v>
      </c>
      <c r="H10" s="259" t="s">
        <v>981</v>
      </c>
      <c r="I10" s="269"/>
      <c r="J10" s="269"/>
      <c r="K10" s="269"/>
      <c r="L10" s="269"/>
      <c r="M10" s="269"/>
      <c r="N10" s="269"/>
      <c r="O10" s="269"/>
      <c r="P10" s="269"/>
      <c r="Q10" s="269"/>
      <c r="R10" s="269"/>
      <c r="S10" s="269"/>
      <c r="T10" s="269"/>
      <c r="U10" s="269"/>
      <c r="V10" s="269"/>
      <c r="W10" s="269"/>
      <c r="X10" s="269"/>
      <c r="Y10" s="269"/>
      <c r="Z10" s="270"/>
    </row>
    <row r="11" spans="2:29" ht="13.5" customHeight="1" x14ac:dyDescent="0.15"/>
    <row r="12" spans="2:29" ht="12.95" customHeight="1" x14ac:dyDescent="0.15">
      <c r="B12" s="277"/>
      <c r="C12" s="286"/>
      <c r="D12" s="286"/>
      <c r="E12" s="286"/>
      <c r="F12" s="286"/>
      <c r="G12" s="286"/>
      <c r="H12" s="286"/>
      <c r="I12" s="286"/>
      <c r="J12" s="286"/>
      <c r="K12" s="286"/>
      <c r="L12" s="286"/>
      <c r="M12" s="286"/>
      <c r="N12" s="286"/>
      <c r="O12" s="286"/>
      <c r="P12" s="286"/>
      <c r="Q12" s="286"/>
      <c r="R12" s="286"/>
      <c r="S12" s="286"/>
      <c r="T12" s="286"/>
      <c r="U12" s="286"/>
      <c r="V12" s="286"/>
      <c r="W12" s="286"/>
      <c r="X12" s="286"/>
      <c r="Y12" s="249"/>
      <c r="Z12" s="250" t="s">
        <v>94</v>
      </c>
      <c r="AA12" s="250" t="s">
        <v>95</v>
      </c>
      <c r="AB12" s="250" t="s">
        <v>96</v>
      </c>
      <c r="AC12" s="287"/>
    </row>
    <row r="13" spans="2:29" ht="17.100000000000001" customHeight="1" x14ac:dyDescent="0.15">
      <c r="B13" s="296" t="s">
        <v>670</v>
      </c>
      <c r="C13" s="297"/>
      <c r="D13" s="297"/>
      <c r="E13" s="297"/>
      <c r="F13" s="297"/>
      <c r="G13" s="297"/>
      <c r="H13" s="297"/>
      <c r="I13" s="297"/>
      <c r="J13" s="297"/>
      <c r="K13" s="297"/>
      <c r="L13" s="297"/>
      <c r="M13" s="297"/>
      <c r="N13" s="297"/>
      <c r="O13" s="297"/>
      <c r="P13" s="297"/>
      <c r="Q13" s="297"/>
      <c r="R13" s="297"/>
      <c r="S13" s="297"/>
      <c r="T13" s="297"/>
      <c r="U13" s="297"/>
      <c r="V13" s="297"/>
      <c r="W13" s="297"/>
      <c r="X13" s="297"/>
      <c r="Y13" s="252"/>
      <c r="Z13" s="253"/>
      <c r="AA13" s="253"/>
      <c r="AB13" s="297"/>
      <c r="AC13" s="298"/>
    </row>
    <row r="14" spans="2:29" ht="17.100000000000001" customHeight="1" x14ac:dyDescent="0.15">
      <c r="B14" s="295"/>
      <c r="C14" s="222" t="s">
        <v>556</v>
      </c>
      <c r="D14" s="610" t="s">
        <v>671</v>
      </c>
      <c r="E14" s="610"/>
      <c r="F14" s="610"/>
      <c r="G14" s="610"/>
      <c r="H14" s="610"/>
      <c r="I14" s="610"/>
      <c r="J14" s="610"/>
      <c r="K14" s="610"/>
      <c r="L14" s="610"/>
      <c r="M14" s="610"/>
      <c r="N14" s="610"/>
      <c r="O14" s="610"/>
      <c r="P14" s="610"/>
      <c r="Q14" s="610"/>
      <c r="R14" s="610"/>
      <c r="S14" s="610"/>
      <c r="T14" s="610"/>
      <c r="U14" s="610"/>
      <c r="V14" s="610"/>
      <c r="W14" s="610"/>
      <c r="Y14" s="291"/>
      <c r="Z14" s="272" t="s">
        <v>0</v>
      </c>
      <c r="AA14" s="272" t="s">
        <v>95</v>
      </c>
      <c r="AB14" s="272" t="s">
        <v>0</v>
      </c>
      <c r="AC14" s="294"/>
    </row>
    <row r="15" spans="2:29" ht="33" customHeight="1" x14ac:dyDescent="0.15">
      <c r="B15" s="295"/>
      <c r="C15" s="222"/>
      <c r="D15" s="610"/>
      <c r="E15" s="610"/>
      <c r="F15" s="610"/>
      <c r="G15" s="610"/>
      <c r="H15" s="610"/>
      <c r="I15" s="610"/>
      <c r="J15" s="610"/>
      <c r="K15" s="610"/>
      <c r="L15" s="610"/>
      <c r="M15" s="610"/>
      <c r="N15" s="610"/>
      <c r="O15" s="610"/>
      <c r="P15" s="610"/>
      <c r="Q15" s="610"/>
      <c r="R15" s="610"/>
      <c r="S15" s="610"/>
      <c r="T15" s="610"/>
      <c r="U15" s="610"/>
      <c r="V15" s="610"/>
      <c r="W15" s="610"/>
      <c r="Y15" s="291"/>
      <c r="Z15" s="272"/>
      <c r="AA15" s="272"/>
      <c r="AB15" s="272"/>
      <c r="AC15" s="294"/>
    </row>
    <row r="16" spans="2:29" ht="19.5" customHeight="1" x14ac:dyDescent="0.15">
      <c r="B16" s="295"/>
      <c r="Y16" s="291"/>
      <c r="Z16" s="272"/>
      <c r="AA16" s="272"/>
      <c r="AC16" s="294"/>
    </row>
    <row r="17" spans="2:29" ht="19.5" customHeight="1" x14ac:dyDescent="0.15">
      <c r="B17" s="295"/>
      <c r="C17" s="222"/>
      <c r="D17" s="314" t="s">
        <v>565</v>
      </c>
      <c r="E17" s="315"/>
      <c r="F17" s="315"/>
      <c r="G17" s="315"/>
      <c r="H17" s="315"/>
      <c r="I17" s="315"/>
      <c r="J17" s="315"/>
      <c r="K17" s="315"/>
      <c r="L17" s="315"/>
      <c r="M17" s="315"/>
      <c r="N17" s="315"/>
      <c r="O17" s="286"/>
      <c r="P17" s="286"/>
      <c r="Q17" s="286"/>
      <c r="R17" s="286"/>
      <c r="S17" s="287"/>
      <c r="T17" s="398"/>
      <c r="U17" s="399"/>
      <c r="V17" s="399"/>
      <c r="W17" s="287" t="s">
        <v>559</v>
      </c>
      <c r="X17" s="239"/>
      <c r="Y17" s="291"/>
      <c r="Z17" s="272"/>
      <c r="AA17" s="272"/>
      <c r="AC17" s="294"/>
    </row>
    <row r="18" spans="2:29" ht="19.5" customHeight="1" x14ac:dyDescent="0.15">
      <c r="B18" s="295"/>
      <c r="C18" s="222"/>
      <c r="D18" s="2"/>
      <c r="E18" s="2"/>
      <c r="F18" s="2"/>
      <c r="G18" s="2"/>
      <c r="H18" s="2"/>
      <c r="I18" s="2"/>
      <c r="J18" s="2"/>
      <c r="K18" s="2"/>
      <c r="L18" s="2"/>
      <c r="M18" s="2"/>
      <c r="N18" s="2"/>
      <c r="U18" s="272"/>
      <c r="V18" s="272"/>
      <c r="W18" s="272"/>
      <c r="Y18" s="291"/>
      <c r="Z18" s="272"/>
      <c r="AA18" s="272"/>
      <c r="AC18" s="294"/>
    </row>
    <row r="19" spans="2:29" ht="19.5" customHeight="1" x14ac:dyDescent="0.15">
      <c r="B19" s="295"/>
      <c r="C19" s="222"/>
      <c r="E19" s="138" t="s">
        <v>566</v>
      </c>
      <c r="Y19" s="291"/>
      <c r="Z19" s="272"/>
      <c r="AA19" s="272"/>
      <c r="AC19" s="294"/>
    </row>
    <row r="20" spans="2:29" ht="19.5" customHeight="1" x14ac:dyDescent="0.15">
      <c r="B20" s="295"/>
      <c r="C20" s="222"/>
      <c r="E20" s="433" t="s">
        <v>620</v>
      </c>
      <c r="F20" s="433"/>
      <c r="G20" s="433"/>
      <c r="H20" s="433"/>
      <c r="I20" s="433"/>
      <c r="J20" s="433"/>
      <c r="K20" s="433"/>
      <c r="L20" s="433"/>
      <c r="M20" s="433"/>
      <c r="N20" s="433"/>
      <c r="O20" s="433" t="s">
        <v>567</v>
      </c>
      <c r="P20" s="433"/>
      <c r="Q20" s="433"/>
      <c r="R20" s="433"/>
      <c r="S20" s="433"/>
      <c r="Y20" s="291"/>
      <c r="Z20" s="272"/>
      <c r="AA20" s="272"/>
      <c r="AC20" s="294"/>
    </row>
    <row r="21" spans="2:29" ht="19.5" customHeight="1" x14ac:dyDescent="0.15">
      <c r="B21" s="295"/>
      <c r="C21" s="222"/>
      <c r="E21" s="433" t="s">
        <v>568</v>
      </c>
      <c r="F21" s="433"/>
      <c r="G21" s="433"/>
      <c r="H21" s="433"/>
      <c r="I21" s="433"/>
      <c r="J21" s="433"/>
      <c r="K21" s="433"/>
      <c r="L21" s="433"/>
      <c r="M21" s="433"/>
      <c r="N21" s="433"/>
      <c r="O21" s="433" t="s">
        <v>569</v>
      </c>
      <c r="P21" s="433"/>
      <c r="Q21" s="433"/>
      <c r="R21" s="433"/>
      <c r="S21" s="433"/>
      <c r="Y21" s="291"/>
      <c r="Z21" s="272"/>
      <c r="AA21" s="272"/>
      <c r="AC21" s="294"/>
    </row>
    <row r="22" spans="2:29" ht="19.5" customHeight="1" x14ac:dyDescent="0.15">
      <c r="B22" s="295"/>
      <c r="C22" s="222"/>
      <c r="E22" s="433" t="s">
        <v>570</v>
      </c>
      <c r="F22" s="433"/>
      <c r="G22" s="433"/>
      <c r="H22" s="433"/>
      <c r="I22" s="433"/>
      <c r="J22" s="433"/>
      <c r="K22" s="433"/>
      <c r="L22" s="433"/>
      <c r="M22" s="433"/>
      <c r="N22" s="433"/>
      <c r="O22" s="433" t="s">
        <v>571</v>
      </c>
      <c r="P22" s="433"/>
      <c r="Q22" s="433"/>
      <c r="R22" s="433"/>
      <c r="S22" s="433"/>
      <c r="Y22" s="291"/>
      <c r="Z22" s="272"/>
      <c r="AA22" s="272"/>
      <c r="AC22" s="294"/>
    </row>
    <row r="23" spans="2:29" ht="19.5" customHeight="1" x14ac:dyDescent="0.15">
      <c r="B23" s="295"/>
      <c r="C23" s="222"/>
      <c r="E23" s="433" t="s">
        <v>572</v>
      </c>
      <c r="F23" s="433"/>
      <c r="G23" s="433"/>
      <c r="H23" s="433"/>
      <c r="I23" s="433"/>
      <c r="J23" s="433"/>
      <c r="K23" s="433"/>
      <c r="L23" s="433"/>
      <c r="M23" s="433"/>
      <c r="N23" s="433"/>
      <c r="O23" s="433" t="s">
        <v>434</v>
      </c>
      <c r="P23" s="433"/>
      <c r="Q23" s="433"/>
      <c r="R23" s="433"/>
      <c r="S23" s="433"/>
      <c r="Y23" s="291"/>
      <c r="Z23" s="272"/>
      <c r="AA23" s="272"/>
      <c r="AC23" s="294"/>
    </row>
    <row r="24" spans="2:29" ht="19.5" customHeight="1" x14ac:dyDescent="0.15">
      <c r="B24" s="295"/>
      <c r="C24" s="222"/>
      <c r="E24" s="433" t="s">
        <v>573</v>
      </c>
      <c r="F24" s="433"/>
      <c r="G24" s="433"/>
      <c r="H24" s="433"/>
      <c r="I24" s="433"/>
      <c r="J24" s="433"/>
      <c r="K24" s="433"/>
      <c r="L24" s="433"/>
      <c r="M24" s="433"/>
      <c r="N24" s="433"/>
      <c r="O24" s="433" t="s">
        <v>574</v>
      </c>
      <c r="P24" s="433"/>
      <c r="Q24" s="433"/>
      <c r="R24" s="433"/>
      <c r="S24" s="433"/>
      <c r="Y24" s="291"/>
      <c r="Z24" s="272"/>
      <c r="AA24" s="272"/>
      <c r="AC24" s="294"/>
    </row>
    <row r="25" spans="2:29" ht="19.5" customHeight="1" x14ac:dyDescent="0.15">
      <c r="B25" s="295"/>
      <c r="C25" s="222"/>
      <c r="E25" s="433" t="s">
        <v>575</v>
      </c>
      <c r="F25" s="433"/>
      <c r="G25" s="433"/>
      <c r="H25" s="433"/>
      <c r="I25" s="433"/>
      <c r="J25" s="433"/>
      <c r="K25" s="433"/>
      <c r="L25" s="433"/>
      <c r="M25" s="433"/>
      <c r="N25" s="433"/>
      <c r="O25" s="433" t="s">
        <v>433</v>
      </c>
      <c r="P25" s="433"/>
      <c r="Q25" s="433"/>
      <c r="R25" s="433"/>
      <c r="S25" s="433"/>
      <c r="Y25" s="291"/>
      <c r="Z25" s="272"/>
      <c r="AA25" s="272"/>
      <c r="AC25" s="294"/>
    </row>
    <row r="26" spans="2:29" ht="19.5" customHeight="1" x14ac:dyDescent="0.15">
      <c r="B26" s="295"/>
      <c r="C26" s="222"/>
      <c r="E26" s="433" t="s">
        <v>576</v>
      </c>
      <c r="F26" s="433"/>
      <c r="G26" s="433"/>
      <c r="H26" s="433"/>
      <c r="I26" s="433"/>
      <c r="J26" s="433"/>
      <c r="K26" s="433"/>
      <c r="L26" s="433"/>
      <c r="M26" s="433"/>
      <c r="N26" s="433"/>
      <c r="O26" s="433" t="s">
        <v>577</v>
      </c>
      <c r="P26" s="433"/>
      <c r="Q26" s="433"/>
      <c r="R26" s="433"/>
      <c r="S26" s="433"/>
      <c r="Y26" s="291"/>
      <c r="Z26" s="272"/>
      <c r="AA26" s="272"/>
      <c r="AC26" s="294"/>
    </row>
    <row r="27" spans="2:29" ht="19.5" customHeight="1" x14ac:dyDescent="0.15">
      <c r="B27" s="295"/>
      <c r="C27" s="222"/>
      <c r="E27" s="433" t="s">
        <v>578</v>
      </c>
      <c r="F27" s="433"/>
      <c r="G27" s="433"/>
      <c r="H27" s="433"/>
      <c r="I27" s="433"/>
      <c r="J27" s="433"/>
      <c r="K27" s="433"/>
      <c r="L27" s="433"/>
      <c r="M27" s="433"/>
      <c r="N27" s="433"/>
      <c r="O27" s="433" t="s">
        <v>578</v>
      </c>
      <c r="P27" s="433"/>
      <c r="Q27" s="433"/>
      <c r="R27" s="433"/>
      <c r="S27" s="433"/>
      <c r="Y27" s="291"/>
      <c r="Z27" s="272"/>
      <c r="AA27" s="272"/>
      <c r="AC27" s="294"/>
    </row>
    <row r="28" spans="2:29" ht="19.5" customHeight="1" x14ac:dyDescent="0.15">
      <c r="B28" s="295"/>
      <c r="C28" s="222"/>
      <c r="J28" s="392"/>
      <c r="K28" s="392"/>
      <c r="L28" s="392"/>
      <c r="M28" s="392"/>
      <c r="N28" s="392"/>
      <c r="O28" s="392"/>
      <c r="P28" s="392"/>
      <c r="Q28" s="392"/>
      <c r="R28" s="392"/>
      <c r="S28" s="392"/>
      <c r="T28" s="392"/>
      <c r="U28" s="392"/>
      <c r="V28" s="392"/>
      <c r="Y28" s="291"/>
      <c r="Z28" s="272"/>
      <c r="AA28" s="272"/>
      <c r="AC28" s="294"/>
    </row>
    <row r="29" spans="2:29" ht="19.149999999999999" customHeight="1" x14ac:dyDescent="0.15">
      <c r="B29" s="295"/>
      <c r="C29" s="222" t="s">
        <v>562</v>
      </c>
      <c r="D29" s="610" t="s">
        <v>672</v>
      </c>
      <c r="E29" s="610"/>
      <c r="F29" s="610"/>
      <c r="G29" s="610"/>
      <c r="H29" s="610"/>
      <c r="I29" s="610"/>
      <c r="J29" s="610"/>
      <c r="K29" s="610"/>
      <c r="L29" s="610"/>
      <c r="M29" s="610"/>
      <c r="N29" s="610"/>
      <c r="O29" s="610"/>
      <c r="P29" s="610"/>
      <c r="Q29" s="610"/>
      <c r="R29" s="610"/>
      <c r="S29" s="610"/>
      <c r="T29" s="610"/>
      <c r="U29" s="610"/>
      <c r="V29" s="610"/>
      <c r="W29" s="610"/>
      <c r="Y29" s="338"/>
      <c r="Z29" s="272" t="s">
        <v>0</v>
      </c>
      <c r="AA29" s="272" t="s">
        <v>95</v>
      </c>
      <c r="AB29" s="272" t="s">
        <v>0</v>
      </c>
      <c r="AC29" s="294"/>
    </row>
    <row r="30" spans="2:29" ht="19.899999999999999" customHeight="1" x14ac:dyDescent="0.15">
      <c r="B30" s="295"/>
      <c r="D30" s="610"/>
      <c r="E30" s="610"/>
      <c r="F30" s="610"/>
      <c r="G30" s="610"/>
      <c r="H30" s="610"/>
      <c r="I30" s="610"/>
      <c r="J30" s="610"/>
      <c r="K30" s="610"/>
      <c r="L30" s="610"/>
      <c r="M30" s="610"/>
      <c r="N30" s="610"/>
      <c r="O30" s="610"/>
      <c r="P30" s="610"/>
      <c r="Q30" s="610"/>
      <c r="R30" s="610"/>
      <c r="S30" s="610"/>
      <c r="T30" s="610"/>
      <c r="U30" s="610"/>
      <c r="V30" s="610"/>
      <c r="W30" s="610"/>
      <c r="Y30" s="291"/>
      <c r="Z30" s="272"/>
      <c r="AA30" s="272"/>
      <c r="AC30" s="294"/>
    </row>
    <row r="31" spans="2:29" ht="13.5" customHeight="1" x14ac:dyDescent="0.15">
      <c r="B31" s="295"/>
      <c r="Y31" s="291"/>
      <c r="Z31" s="272"/>
      <c r="AA31" s="272"/>
      <c r="AC31" s="294"/>
    </row>
    <row r="32" spans="2:29" ht="32.450000000000003" customHeight="1" x14ac:dyDescent="0.15">
      <c r="B32" s="295"/>
      <c r="C32" s="222" t="s">
        <v>579</v>
      </c>
      <c r="D32" s="610" t="s">
        <v>673</v>
      </c>
      <c r="E32" s="610"/>
      <c r="F32" s="610"/>
      <c r="G32" s="610"/>
      <c r="H32" s="610"/>
      <c r="I32" s="610"/>
      <c r="J32" s="610"/>
      <c r="K32" s="610"/>
      <c r="L32" s="610"/>
      <c r="M32" s="610"/>
      <c r="N32" s="610"/>
      <c r="O32" s="610"/>
      <c r="P32" s="610"/>
      <c r="Q32" s="610"/>
      <c r="R32" s="610"/>
      <c r="S32" s="610"/>
      <c r="T32" s="610"/>
      <c r="U32" s="610"/>
      <c r="V32" s="610"/>
      <c r="W32" s="610"/>
      <c r="Y32" s="338"/>
      <c r="Z32" s="272" t="s">
        <v>0</v>
      </c>
      <c r="AA32" s="272" t="s">
        <v>95</v>
      </c>
      <c r="AB32" s="272" t="s">
        <v>0</v>
      </c>
      <c r="AC32" s="294"/>
    </row>
    <row r="33" spans="1:32" x14ac:dyDescent="0.15">
      <c r="B33" s="295"/>
      <c r="D33" s="610"/>
      <c r="E33" s="610"/>
      <c r="F33" s="610"/>
      <c r="G33" s="610"/>
      <c r="H33" s="610"/>
      <c r="I33" s="610"/>
      <c r="J33" s="610"/>
      <c r="K33" s="610"/>
      <c r="L33" s="610"/>
      <c r="M33" s="610"/>
      <c r="N33" s="610"/>
      <c r="O33" s="610"/>
      <c r="P33" s="610"/>
      <c r="Q33" s="610"/>
      <c r="R33" s="610"/>
      <c r="S33" s="610"/>
      <c r="T33" s="610"/>
      <c r="U33" s="610"/>
      <c r="V33" s="610"/>
      <c r="W33" s="610"/>
      <c r="Y33" s="291"/>
      <c r="Z33" s="272"/>
      <c r="AA33" s="272"/>
      <c r="AC33" s="294"/>
    </row>
    <row r="34" spans="1:32" x14ac:dyDescent="0.15">
      <c r="B34" s="295"/>
      <c r="Y34" s="291"/>
      <c r="Z34" s="272"/>
      <c r="AA34" s="272"/>
      <c r="AC34" s="294"/>
    </row>
    <row r="35" spans="1:32" x14ac:dyDescent="0.15">
      <c r="B35" s="295"/>
      <c r="C35" s="222" t="s">
        <v>587</v>
      </c>
      <c r="D35" s="610" t="s">
        <v>674</v>
      </c>
      <c r="E35" s="610"/>
      <c r="F35" s="610"/>
      <c r="G35" s="610"/>
      <c r="H35" s="610"/>
      <c r="I35" s="610"/>
      <c r="J35" s="610"/>
      <c r="K35" s="610"/>
      <c r="L35" s="610"/>
      <c r="M35" s="610"/>
      <c r="N35" s="610"/>
      <c r="O35" s="610"/>
      <c r="P35" s="610"/>
      <c r="Q35" s="610"/>
      <c r="R35" s="610"/>
      <c r="S35" s="610"/>
      <c r="T35" s="610"/>
      <c r="U35" s="610"/>
      <c r="V35" s="610"/>
      <c r="W35" s="610"/>
      <c r="Y35" s="338"/>
      <c r="Z35" s="272" t="s">
        <v>0</v>
      </c>
      <c r="AA35" s="272" t="s">
        <v>95</v>
      </c>
      <c r="AB35" s="272" t="s">
        <v>0</v>
      </c>
      <c r="AC35" s="294"/>
    </row>
    <row r="36" spans="1:32" x14ac:dyDescent="0.15">
      <c r="B36" s="295"/>
      <c r="C36" s="222"/>
      <c r="D36" s="610"/>
      <c r="E36" s="610"/>
      <c r="F36" s="610"/>
      <c r="G36" s="610"/>
      <c r="H36" s="610"/>
      <c r="I36" s="610"/>
      <c r="J36" s="610"/>
      <c r="K36" s="610"/>
      <c r="L36" s="610"/>
      <c r="M36" s="610"/>
      <c r="N36" s="610"/>
      <c r="O36" s="610"/>
      <c r="P36" s="610"/>
      <c r="Q36" s="610"/>
      <c r="R36" s="610"/>
      <c r="S36" s="610"/>
      <c r="T36" s="610"/>
      <c r="U36" s="610"/>
      <c r="V36" s="610"/>
      <c r="W36" s="610"/>
      <c r="Y36" s="291"/>
      <c r="Z36" s="272"/>
      <c r="AA36" s="272"/>
      <c r="AC36" s="294"/>
    </row>
    <row r="37" spans="1:32" x14ac:dyDescent="0.15">
      <c r="A37" s="294"/>
      <c r="B37" s="259"/>
      <c r="C37" s="259"/>
      <c r="D37" s="259"/>
      <c r="E37" s="259"/>
      <c r="F37" s="259"/>
      <c r="G37" s="259"/>
      <c r="H37" s="259"/>
      <c r="I37" s="259"/>
      <c r="J37" s="259"/>
      <c r="K37" s="259"/>
      <c r="L37" s="259"/>
      <c r="M37" s="259"/>
      <c r="N37" s="259"/>
      <c r="O37" s="259"/>
      <c r="P37" s="259"/>
      <c r="Q37" s="259"/>
      <c r="R37" s="259"/>
      <c r="S37" s="259"/>
      <c r="T37" s="259"/>
      <c r="U37" s="259"/>
      <c r="V37" s="259"/>
      <c r="W37" s="259"/>
      <c r="X37" s="259"/>
      <c r="Y37" s="255"/>
      <c r="Z37" s="256"/>
      <c r="AA37" s="256"/>
      <c r="AB37" s="259"/>
      <c r="AC37" s="259"/>
      <c r="AD37" s="295"/>
    </row>
    <row r="38" spans="1:32" x14ac:dyDescent="0.15">
      <c r="B38" s="295" t="s">
        <v>675</v>
      </c>
      <c r="C38" s="297"/>
      <c r="Y38" s="291"/>
      <c r="Z38" s="272"/>
      <c r="AA38" s="272"/>
      <c r="AC38" s="294"/>
    </row>
    <row r="39" spans="1:32" x14ac:dyDescent="0.15">
      <c r="B39" s="295"/>
      <c r="C39" s="222" t="s">
        <v>556</v>
      </c>
      <c r="D39" s="610" t="s">
        <v>676</v>
      </c>
      <c r="E39" s="610"/>
      <c r="F39" s="610"/>
      <c r="G39" s="610"/>
      <c r="H39" s="610"/>
      <c r="I39" s="610"/>
      <c r="J39" s="610"/>
      <c r="K39" s="610"/>
      <c r="L39" s="610"/>
      <c r="M39" s="610"/>
      <c r="N39" s="610"/>
      <c r="O39" s="610"/>
      <c r="P39" s="610"/>
      <c r="Q39" s="610"/>
      <c r="R39" s="610"/>
      <c r="S39" s="610"/>
      <c r="T39" s="610"/>
      <c r="U39" s="610"/>
      <c r="V39" s="610"/>
      <c r="W39" s="610"/>
      <c r="Y39" s="338"/>
      <c r="Z39" s="272" t="s">
        <v>0</v>
      </c>
      <c r="AA39" s="272" t="s">
        <v>95</v>
      </c>
      <c r="AB39" s="272" t="s">
        <v>0</v>
      </c>
      <c r="AC39" s="294"/>
    </row>
    <row r="40" spans="1:32" x14ac:dyDescent="0.15">
      <c r="B40" s="295"/>
      <c r="D40" s="610"/>
      <c r="E40" s="610"/>
      <c r="F40" s="610"/>
      <c r="G40" s="610"/>
      <c r="H40" s="610"/>
      <c r="I40" s="610"/>
      <c r="J40" s="610"/>
      <c r="K40" s="610"/>
      <c r="L40" s="610"/>
      <c r="M40" s="610"/>
      <c r="N40" s="610"/>
      <c r="O40" s="610"/>
      <c r="P40" s="610"/>
      <c r="Q40" s="610"/>
      <c r="R40" s="610"/>
      <c r="S40" s="610"/>
      <c r="T40" s="610"/>
      <c r="U40" s="610"/>
      <c r="V40" s="610"/>
      <c r="W40" s="610"/>
      <c r="Y40" s="291"/>
      <c r="Z40" s="272"/>
      <c r="AA40" s="272"/>
      <c r="AC40" s="294"/>
    </row>
    <row r="41" spans="1:32" x14ac:dyDescent="0.15">
      <c r="B41" s="299"/>
      <c r="C41" s="224"/>
      <c r="D41" s="259"/>
      <c r="E41" s="259"/>
      <c r="F41" s="259"/>
      <c r="G41" s="259"/>
      <c r="H41" s="259"/>
      <c r="I41" s="259"/>
      <c r="J41" s="259"/>
      <c r="K41" s="259"/>
      <c r="L41" s="259"/>
      <c r="M41" s="259"/>
      <c r="N41" s="259"/>
      <c r="O41" s="259"/>
      <c r="P41" s="259"/>
      <c r="Q41" s="259"/>
      <c r="R41" s="259"/>
      <c r="S41" s="259"/>
      <c r="T41" s="259"/>
      <c r="U41" s="259"/>
      <c r="V41" s="259"/>
      <c r="W41" s="259"/>
      <c r="X41" s="259"/>
      <c r="Y41" s="255"/>
      <c r="Z41" s="256"/>
      <c r="AA41" s="256"/>
      <c r="AB41" s="259"/>
      <c r="AC41" s="300"/>
    </row>
    <row r="42" spans="1:32" ht="18.75" customHeight="1" x14ac:dyDescent="0.15">
      <c r="B42" s="641" t="s">
        <v>1057</v>
      </c>
      <c r="C42" s="641"/>
      <c r="D42" s="641"/>
      <c r="E42" s="641"/>
      <c r="F42" s="641"/>
      <c r="G42" s="641"/>
      <c r="H42" s="641"/>
      <c r="I42" s="641"/>
      <c r="J42" s="641"/>
      <c r="K42" s="641"/>
      <c r="L42" s="641"/>
      <c r="M42" s="641"/>
      <c r="N42" s="641"/>
      <c r="O42" s="641"/>
      <c r="P42" s="641"/>
      <c r="Q42" s="641"/>
      <c r="R42" s="641"/>
      <c r="S42" s="641"/>
      <c r="T42" s="641"/>
      <c r="U42" s="641"/>
      <c r="V42" s="641"/>
      <c r="W42" s="641"/>
      <c r="X42" s="641"/>
      <c r="Y42" s="641"/>
      <c r="Z42" s="641"/>
      <c r="AA42" s="641"/>
      <c r="AB42" s="641"/>
      <c r="AC42" s="641"/>
    </row>
    <row r="43" spans="1:32" ht="17.25" customHeight="1" x14ac:dyDescent="0.15">
      <c r="B43" s="610"/>
      <c r="C43" s="610"/>
      <c r="D43" s="610"/>
      <c r="E43" s="610"/>
      <c r="F43" s="610"/>
      <c r="G43" s="610"/>
      <c r="H43" s="610"/>
      <c r="I43" s="610"/>
      <c r="J43" s="610"/>
      <c r="K43" s="610"/>
      <c r="L43" s="610"/>
      <c r="M43" s="610"/>
      <c r="N43" s="610"/>
      <c r="O43" s="610"/>
      <c r="P43" s="610"/>
      <c r="Q43" s="610"/>
      <c r="R43" s="610"/>
      <c r="S43" s="610"/>
      <c r="T43" s="610"/>
      <c r="U43" s="610"/>
      <c r="V43" s="610"/>
      <c r="W43" s="610"/>
      <c r="X43" s="610"/>
      <c r="Y43" s="610"/>
      <c r="Z43" s="610"/>
      <c r="AA43" s="610"/>
      <c r="AB43" s="610"/>
      <c r="AC43" s="610"/>
    </row>
    <row r="44" spans="1:32" x14ac:dyDescent="0.15">
      <c r="B44" s="610" t="s">
        <v>1058</v>
      </c>
      <c r="C44" s="610"/>
      <c r="D44" s="610"/>
      <c r="E44" s="610"/>
      <c r="F44" s="610"/>
      <c r="G44" s="610"/>
      <c r="H44" s="610"/>
      <c r="I44" s="610"/>
      <c r="J44" s="610"/>
      <c r="K44" s="610"/>
      <c r="L44" s="610"/>
      <c r="M44" s="610"/>
      <c r="N44" s="610"/>
      <c r="O44" s="610"/>
      <c r="P44" s="610"/>
      <c r="Q44" s="610"/>
      <c r="R44" s="610"/>
      <c r="S44" s="610"/>
      <c r="T44" s="610"/>
      <c r="U44" s="610"/>
      <c r="V44" s="610"/>
      <c r="W44" s="610"/>
      <c r="X44" s="610"/>
      <c r="Y44" s="610"/>
      <c r="Z44" s="610"/>
      <c r="AA44" s="610"/>
      <c r="AB44" s="610"/>
      <c r="AC44" s="610"/>
    </row>
    <row r="45" spans="1:32" x14ac:dyDescent="0.15">
      <c r="B45" s="610"/>
      <c r="C45" s="610"/>
      <c r="D45" s="610"/>
      <c r="E45" s="610"/>
      <c r="F45" s="610"/>
      <c r="G45" s="610"/>
      <c r="H45" s="610"/>
      <c r="I45" s="610"/>
      <c r="J45" s="610"/>
      <c r="K45" s="610"/>
      <c r="L45" s="610"/>
      <c r="M45" s="610"/>
      <c r="N45" s="610"/>
      <c r="O45" s="610"/>
      <c r="P45" s="610"/>
      <c r="Q45" s="610"/>
      <c r="R45" s="610"/>
      <c r="S45" s="610"/>
      <c r="T45" s="610"/>
      <c r="U45" s="610"/>
      <c r="V45" s="610"/>
      <c r="W45" s="610"/>
      <c r="X45" s="610"/>
      <c r="Y45" s="610"/>
      <c r="Z45" s="610"/>
      <c r="AA45" s="610"/>
      <c r="AB45" s="610"/>
      <c r="AC45" s="610"/>
    </row>
    <row r="46" spans="1:32" ht="18" customHeight="1" x14ac:dyDescent="0.15">
      <c r="B46" s="610"/>
      <c r="C46" s="610"/>
      <c r="D46" s="610"/>
      <c r="E46" s="610"/>
      <c r="F46" s="610"/>
      <c r="G46" s="610"/>
      <c r="H46" s="610"/>
      <c r="I46" s="610"/>
      <c r="J46" s="610"/>
      <c r="K46" s="610"/>
      <c r="L46" s="610"/>
      <c r="M46" s="610"/>
      <c r="N46" s="610"/>
      <c r="O46" s="610"/>
      <c r="P46" s="610"/>
      <c r="Q46" s="610"/>
      <c r="R46" s="610"/>
      <c r="S46" s="610"/>
      <c r="T46" s="610"/>
      <c r="U46" s="610"/>
      <c r="V46" s="610"/>
      <c r="W46" s="610"/>
      <c r="X46" s="610"/>
      <c r="Y46" s="610"/>
      <c r="Z46" s="610"/>
      <c r="AA46" s="610"/>
      <c r="AB46" s="610"/>
      <c r="AC46" s="610"/>
    </row>
    <row r="47" spans="1:32" x14ac:dyDescent="0.15">
      <c r="D47" s="290" t="s">
        <v>1059</v>
      </c>
      <c r="K47" s="326"/>
      <c r="L47" s="610" t="s">
        <v>677</v>
      </c>
      <c r="M47" s="610"/>
      <c r="N47" s="610"/>
      <c r="O47" s="610"/>
      <c r="P47" s="610"/>
      <c r="Q47" s="610"/>
      <c r="R47" s="610"/>
      <c r="S47" s="610"/>
      <c r="T47" s="610"/>
      <c r="U47" s="610"/>
      <c r="V47" s="610"/>
      <c r="W47" s="610"/>
      <c r="X47" s="610"/>
      <c r="Y47" s="610"/>
      <c r="Z47" s="610"/>
      <c r="AA47" s="610"/>
      <c r="AB47" s="610"/>
      <c r="AC47" s="326"/>
    </row>
    <row r="48" spans="1:32" x14ac:dyDescent="0.15">
      <c r="K48" s="326"/>
      <c r="L48" s="610"/>
      <c r="M48" s="610"/>
      <c r="N48" s="610"/>
      <c r="O48" s="610"/>
      <c r="P48" s="610"/>
      <c r="Q48" s="610"/>
      <c r="R48" s="610"/>
      <c r="S48" s="610"/>
      <c r="T48" s="610"/>
      <c r="U48" s="610"/>
      <c r="V48" s="610"/>
      <c r="W48" s="610"/>
      <c r="X48" s="610"/>
      <c r="Y48" s="610"/>
      <c r="Z48" s="610"/>
      <c r="AA48" s="610"/>
      <c r="AB48" s="610"/>
      <c r="AC48" s="326"/>
      <c r="AF48" s="290" t="s">
        <v>100</v>
      </c>
    </row>
    <row r="49" spans="2:29" ht="49.5" customHeight="1" x14ac:dyDescent="0.15">
      <c r="K49" s="326"/>
      <c r="L49" s="610"/>
      <c r="M49" s="610"/>
      <c r="N49" s="610"/>
      <c r="O49" s="610"/>
      <c r="P49" s="610"/>
      <c r="Q49" s="610"/>
      <c r="R49" s="610"/>
      <c r="S49" s="610"/>
      <c r="T49" s="610"/>
      <c r="U49" s="610"/>
      <c r="V49" s="610"/>
      <c r="W49" s="610"/>
      <c r="X49" s="610"/>
      <c r="Y49" s="610"/>
      <c r="Z49" s="610"/>
      <c r="AA49" s="610"/>
      <c r="AB49" s="610"/>
      <c r="AC49" s="326"/>
    </row>
    <row r="50" spans="2:29" x14ac:dyDescent="0.15">
      <c r="B50" s="610" t="s">
        <v>1060</v>
      </c>
      <c r="C50" s="610"/>
      <c r="D50" s="610"/>
      <c r="E50" s="610"/>
      <c r="F50" s="610"/>
      <c r="G50" s="610"/>
      <c r="H50" s="610"/>
      <c r="I50" s="610"/>
      <c r="J50" s="610"/>
      <c r="K50" s="610"/>
      <c r="L50" s="610"/>
      <c r="M50" s="610"/>
      <c r="N50" s="610"/>
      <c r="O50" s="610"/>
      <c r="P50" s="610"/>
      <c r="Q50" s="610"/>
      <c r="R50" s="610"/>
      <c r="S50" s="610"/>
      <c r="T50" s="610"/>
      <c r="U50" s="610"/>
      <c r="V50" s="610"/>
      <c r="W50" s="610"/>
      <c r="X50" s="610"/>
      <c r="Y50" s="610"/>
      <c r="Z50" s="610"/>
      <c r="AA50" s="610"/>
      <c r="AB50" s="610"/>
      <c r="AC50" s="610"/>
    </row>
    <row r="51" spans="2:29" x14ac:dyDescent="0.15">
      <c r="B51" s="610"/>
      <c r="C51" s="610"/>
      <c r="D51" s="610"/>
      <c r="E51" s="610"/>
      <c r="F51" s="610"/>
      <c r="G51" s="610"/>
      <c r="H51" s="610"/>
      <c r="I51" s="610"/>
      <c r="J51" s="610"/>
      <c r="K51" s="610"/>
      <c r="L51" s="610"/>
      <c r="M51" s="610"/>
      <c r="N51" s="610"/>
      <c r="O51" s="610"/>
      <c r="P51" s="610"/>
      <c r="Q51" s="610"/>
      <c r="R51" s="610"/>
      <c r="S51" s="610"/>
      <c r="T51" s="610"/>
      <c r="U51" s="610"/>
      <c r="V51" s="610"/>
      <c r="W51" s="610"/>
      <c r="X51" s="610"/>
      <c r="Y51" s="610"/>
      <c r="Z51" s="610"/>
      <c r="AA51" s="610"/>
      <c r="AB51" s="610"/>
      <c r="AC51" s="610"/>
    </row>
    <row r="52" spans="2:29" ht="30" customHeight="1" x14ac:dyDescent="0.15">
      <c r="B52" s="610"/>
      <c r="C52" s="610"/>
      <c r="D52" s="610"/>
      <c r="E52" s="610"/>
      <c r="F52" s="610"/>
      <c r="G52" s="610"/>
      <c r="H52" s="610"/>
      <c r="I52" s="610"/>
      <c r="J52" s="610"/>
      <c r="K52" s="610"/>
      <c r="L52" s="610"/>
      <c r="M52" s="610"/>
      <c r="N52" s="610"/>
      <c r="O52" s="610"/>
      <c r="P52" s="610"/>
      <c r="Q52" s="610"/>
      <c r="R52" s="610"/>
      <c r="S52" s="610"/>
      <c r="T52" s="610"/>
      <c r="U52" s="610"/>
      <c r="V52" s="610"/>
      <c r="W52" s="610"/>
      <c r="X52" s="610"/>
      <c r="Y52" s="610"/>
      <c r="Z52" s="610"/>
      <c r="AA52" s="610"/>
      <c r="AB52" s="610"/>
      <c r="AC52" s="610"/>
    </row>
    <row r="120" spans="3:7" x14ac:dyDescent="0.15">
      <c r="C120" s="259"/>
      <c r="D120" s="259"/>
      <c r="E120" s="259"/>
      <c r="F120" s="259"/>
      <c r="G120" s="259"/>
    </row>
    <row r="121" spans="3:7" x14ac:dyDescent="0.15">
      <c r="C121" s="297"/>
    </row>
  </sheetData>
  <mergeCells count="34">
    <mergeCell ref="B42:AC43"/>
    <mergeCell ref="B44:AC46"/>
    <mergeCell ref="L47:AB49"/>
    <mergeCell ref="B50:AC52"/>
    <mergeCell ref="J28:S28"/>
    <mergeCell ref="T28:V28"/>
    <mergeCell ref="D29:W30"/>
    <mergeCell ref="D32:W33"/>
    <mergeCell ref="D35:W36"/>
    <mergeCell ref="D39:W40"/>
    <mergeCell ref="E25:N25"/>
    <mergeCell ref="O25:S25"/>
    <mergeCell ref="E26:N26"/>
    <mergeCell ref="O26:S26"/>
    <mergeCell ref="E27:N27"/>
    <mergeCell ref="O27:S27"/>
    <mergeCell ref="E22:N22"/>
    <mergeCell ref="O22:S22"/>
    <mergeCell ref="E23:N23"/>
    <mergeCell ref="O23:S23"/>
    <mergeCell ref="E24:N24"/>
    <mergeCell ref="O24:S24"/>
    <mergeCell ref="D14:W15"/>
    <mergeCell ref="T17:V17"/>
    <mergeCell ref="E20:N20"/>
    <mergeCell ref="O20:S20"/>
    <mergeCell ref="E21:N21"/>
    <mergeCell ref="O21:S21"/>
    <mergeCell ref="B9:F10"/>
    <mergeCell ref="B4:Z4"/>
    <mergeCell ref="B5:Z5"/>
    <mergeCell ref="B7:F7"/>
    <mergeCell ref="G7:Z7"/>
    <mergeCell ref="B8:F8"/>
  </mergeCells>
  <phoneticPr fontId="1"/>
  <dataValidations count="1">
    <dataValidation type="list" allowBlank="1" showInputMessage="1" showErrorMessage="1" sqref="Z14:Z15 AB14:AB15 Z29 AB29 Z39 AB39 G8:G10 L8 Q8 Z32 AB32 Z35 AB35">
      <formula1>"□,■"</formula1>
    </dataValidation>
  </dataValidations>
  <pageMargins left="0.7" right="0.7" top="0.75" bottom="0.75" header="0.3" footer="0.3"/>
  <pageSetup paperSize="9" scale="65" orientation="portrait" r:id="rId1"/>
  <rowBreaks count="1" manualBreakCount="1">
    <brk id="53" max="16383" man="1"/>
  </rowBreaks>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F123"/>
  <sheetViews>
    <sheetView view="pageBreakPreview" zoomScaleNormal="100" zoomScaleSheetLayoutView="100" workbookViewId="0">
      <selection activeCell="F61" sqref="F61"/>
    </sheetView>
  </sheetViews>
  <sheetFormatPr defaultColWidth="4" defaultRowHeight="13.5" x14ac:dyDescent="0.15"/>
  <cols>
    <col min="1" max="1" width="1.5" style="290" customWidth="1"/>
    <col min="2" max="2" width="2.375" style="290" customWidth="1"/>
    <col min="3" max="3" width="2.75" style="290" customWidth="1"/>
    <col min="4" max="7" width="4" style="290"/>
    <col min="8" max="8" width="2.875" style="290" customWidth="1"/>
    <col min="9" max="16" width="4" style="290"/>
    <col min="17" max="17" width="5.375" style="290" customWidth="1"/>
    <col min="18" max="18" width="5" style="290" customWidth="1"/>
    <col min="19" max="19" width="4.625" style="290" customWidth="1"/>
    <col min="20" max="24" width="4" style="290"/>
    <col min="25" max="25" width="2.375" style="290" customWidth="1"/>
    <col min="26" max="26" width="4" style="290"/>
    <col min="27" max="27" width="2.25" style="290" customWidth="1"/>
    <col min="28" max="28" width="4" style="290"/>
    <col min="29" max="29" width="2.375" style="290" customWidth="1"/>
    <col min="30" max="30" width="1.5" style="290" customWidth="1"/>
    <col min="31" max="16384" width="4" style="290"/>
  </cols>
  <sheetData>
    <row r="2" spans="2:32" x14ac:dyDescent="0.15">
      <c r="B2" s="290" t="s">
        <v>707</v>
      </c>
      <c r="C2"/>
      <c r="D2"/>
      <c r="E2"/>
      <c r="F2"/>
      <c r="G2"/>
      <c r="H2"/>
      <c r="I2"/>
      <c r="J2"/>
      <c r="K2"/>
      <c r="L2"/>
      <c r="M2"/>
      <c r="N2"/>
      <c r="O2"/>
      <c r="P2"/>
      <c r="Q2"/>
      <c r="R2"/>
      <c r="S2"/>
      <c r="T2"/>
      <c r="U2"/>
      <c r="V2"/>
      <c r="W2"/>
      <c r="X2"/>
      <c r="Y2"/>
      <c r="Z2"/>
      <c r="AA2"/>
      <c r="AB2"/>
      <c r="AC2"/>
    </row>
    <row r="4" spans="2:32" x14ac:dyDescent="0.15">
      <c r="B4" s="392" t="s">
        <v>708</v>
      </c>
      <c r="C4" s="392"/>
      <c r="D4" s="392"/>
      <c r="E4" s="392"/>
      <c r="F4" s="392"/>
      <c r="G4" s="392"/>
      <c r="H4" s="392"/>
      <c r="I4" s="392"/>
      <c r="J4" s="392"/>
      <c r="K4" s="392"/>
      <c r="L4" s="392"/>
      <c r="M4" s="392"/>
      <c r="N4" s="392"/>
      <c r="O4" s="392"/>
      <c r="P4" s="392"/>
      <c r="Q4" s="392"/>
      <c r="R4" s="392"/>
      <c r="S4" s="392"/>
      <c r="T4" s="392"/>
      <c r="U4" s="392"/>
      <c r="V4" s="392"/>
      <c r="W4" s="392"/>
      <c r="X4" s="392"/>
      <c r="Y4" s="392"/>
      <c r="Z4" s="392"/>
      <c r="AA4" s="392"/>
      <c r="AB4" s="392"/>
      <c r="AC4" s="392"/>
    </row>
    <row r="6" spans="2:32" ht="23.25" customHeight="1" x14ac:dyDescent="0.15">
      <c r="B6" s="393" t="s">
        <v>115</v>
      </c>
      <c r="C6" s="393"/>
      <c r="D6" s="393"/>
      <c r="E6" s="393"/>
      <c r="F6" s="393"/>
      <c r="G6" s="394"/>
      <c r="H6" s="395"/>
      <c r="I6" s="395"/>
      <c r="J6" s="395"/>
      <c r="K6" s="395"/>
      <c r="L6" s="395"/>
      <c r="M6" s="395"/>
      <c r="N6" s="395"/>
      <c r="O6" s="395"/>
      <c r="P6" s="395"/>
      <c r="Q6" s="395"/>
      <c r="R6" s="395"/>
      <c r="S6" s="395"/>
      <c r="T6" s="395"/>
      <c r="U6" s="395"/>
      <c r="V6" s="395"/>
      <c r="W6" s="395"/>
      <c r="X6" s="395"/>
      <c r="Y6" s="395"/>
      <c r="Z6" s="395"/>
      <c r="AA6" s="395"/>
      <c r="AB6" s="395"/>
      <c r="AC6" s="396"/>
    </row>
    <row r="7" spans="2:32" ht="23.25" customHeight="1" x14ac:dyDescent="0.15">
      <c r="B7" s="642" t="s">
        <v>116</v>
      </c>
      <c r="C7" s="642"/>
      <c r="D7" s="642"/>
      <c r="E7" s="642"/>
      <c r="F7" s="642"/>
      <c r="G7" s="250" t="s">
        <v>0</v>
      </c>
      <c r="H7" s="323" t="s">
        <v>87</v>
      </c>
      <c r="I7" s="323"/>
      <c r="J7" s="323"/>
      <c r="K7" s="323"/>
      <c r="L7" s="250" t="s">
        <v>0</v>
      </c>
      <c r="M7" s="323" t="s">
        <v>88</v>
      </c>
      <c r="N7" s="323"/>
      <c r="O7" s="323"/>
      <c r="P7" s="323"/>
      <c r="Q7" s="250" t="s">
        <v>0</v>
      </c>
      <c r="R7" s="323" t="s">
        <v>89</v>
      </c>
      <c r="S7" s="323"/>
      <c r="T7" s="323"/>
      <c r="U7" s="323"/>
      <c r="V7" s="323"/>
      <c r="W7" s="323"/>
      <c r="X7" s="323"/>
      <c r="Y7" s="323"/>
      <c r="Z7" s="323"/>
      <c r="AA7" s="297"/>
      <c r="AB7" s="297"/>
      <c r="AC7" s="298"/>
    </row>
    <row r="8" spans="2:32" ht="20.100000000000001" customHeight="1" x14ac:dyDescent="0.15">
      <c r="B8" s="398" t="s">
        <v>117</v>
      </c>
      <c r="C8" s="399"/>
      <c r="D8" s="399"/>
      <c r="E8" s="399"/>
      <c r="F8" s="400"/>
      <c r="G8" s="250" t="s">
        <v>0</v>
      </c>
      <c r="H8" s="395" t="s">
        <v>709</v>
      </c>
      <c r="I8" s="395"/>
      <c r="J8" s="395"/>
      <c r="K8" s="395"/>
      <c r="L8" s="395"/>
      <c r="M8" s="395"/>
      <c r="N8" s="395"/>
      <c r="O8" s="395"/>
      <c r="P8" s="395"/>
      <c r="Q8" s="286"/>
      <c r="R8" s="250" t="s">
        <v>0</v>
      </c>
      <c r="S8" s="395" t="s">
        <v>710</v>
      </c>
      <c r="T8" s="395"/>
      <c r="U8" s="395"/>
      <c r="V8" s="395"/>
      <c r="W8" s="395"/>
      <c r="X8" s="395"/>
      <c r="Y8" s="395"/>
      <c r="Z8" s="395"/>
      <c r="AA8" s="395"/>
      <c r="AB8" s="395"/>
      <c r="AC8" s="396"/>
    </row>
    <row r="10" spans="2:32" x14ac:dyDescent="0.15">
      <c r="B10" s="296"/>
      <c r="C10" s="297"/>
      <c r="D10" s="297"/>
      <c r="E10" s="297"/>
      <c r="F10" s="297"/>
      <c r="G10" s="297"/>
      <c r="H10" s="297"/>
      <c r="I10" s="297"/>
      <c r="J10" s="297"/>
      <c r="K10" s="297"/>
      <c r="L10" s="297"/>
      <c r="M10" s="297"/>
      <c r="N10" s="297"/>
      <c r="O10" s="297"/>
      <c r="P10" s="297"/>
      <c r="Q10" s="297"/>
      <c r="R10" s="297"/>
      <c r="S10" s="297"/>
      <c r="T10" s="297"/>
      <c r="U10" s="297"/>
      <c r="V10" s="297"/>
      <c r="W10" s="297"/>
      <c r="X10" s="298"/>
      <c r="Y10" s="297"/>
      <c r="Z10" s="297"/>
      <c r="AA10" s="297"/>
      <c r="AB10" s="297"/>
      <c r="AC10" s="298"/>
      <c r="AD10"/>
      <c r="AE10"/>
      <c r="AF10"/>
    </row>
    <row r="11" spans="2:32" x14ac:dyDescent="0.15">
      <c r="B11" s="295" t="s">
        <v>711</v>
      </c>
      <c r="X11" s="294"/>
      <c r="Z11" s="94" t="s">
        <v>94</v>
      </c>
      <c r="AA11" s="94" t="s">
        <v>95</v>
      </c>
      <c r="AB11" s="94" t="s">
        <v>96</v>
      </c>
      <c r="AC11" s="294"/>
      <c r="AD11"/>
      <c r="AE11"/>
      <c r="AF11"/>
    </row>
    <row r="12" spans="2:32" x14ac:dyDescent="0.15">
      <c r="B12" s="295"/>
      <c r="X12" s="294"/>
      <c r="AC12" s="294"/>
      <c r="AD12"/>
      <c r="AE12"/>
      <c r="AF12"/>
    </row>
    <row r="13" spans="2:32" ht="53.25" customHeight="1" x14ac:dyDescent="0.15">
      <c r="B13" s="295"/>
      <c r="C13" s="249">
        <v>1</v>
      </c>
      <c r="D13" s="495" t="s">
        <v>712</v>
      </c>
      <c r="E13" s="495"/>
      <c r="F13" s="573"/>
      <c r="G13" s="521" t="s">
        <v>713</v>
      </c>
      <c r="H13" s="521"/>
      <c r="I13" s="521"/>
      <c r="J13" s="521"/>
      <c r="K13" s="521"/>
      <c r="L13" s="521"/>
      <c r="M13" s="521"/>
      <c r="N13" s="521"/>
      <c r="O13" s="521"/>
      <c r="P13" s="521"/>
      <c r="Q13" s="521"/>
      <c r="R13" s="521"/>
      <c r="S13" s="521"/>
      <c r="T13" s="521"/>
      <c r="U13" s="521"/>
      <c r="V13" s="521"/>
      <c r="W13" s="522"/>
      <c r="X13" s="294"/>
      <c r="Z13" s="272" t="s">
        <v>0</v>
      </c>
      <c r="AA13" s="272" t="s">
        <v>95</v>
      </c>
      <c r="AB13" s="272" t="s">
        <v>0</v>
      </c>
      <c r="AC13" s="88"/>
    </row>
    <row r="14" spans="2:32" x14ac:dyDescent="0.15">
      <c r="B14" s="295"/>
      <c r="X14" s="294"/>
      <c r="Z14" s="272"/>
      <c r="AA14" s="272"/>
      <c r="AB14" s="272"/>
      <c r="AC14" s="292"/>
    </row>
    <row r="15" spans="2:32" ht="47.25" customHeight="1" x14ac:dyDescent="0.15">
      <c r="B15" s="295"/>
      <c r="C15" s="249">
        <v>2</v>
      </c>
      <c r="D15" s="495" t="s">
        <v>714</v>
      </c>
      <c r="E15" s="495"/>
      <c r="F15" s="573"/>
      <c r="G15" s="520" t="s">
        <v>715</v>
      </c>
      <c r="H15" s="521"/>
      <c r="I15" s="521"/>
      <c r="J15" s="521"/>
      <c r="K15" s="521"/>
      <c r="L15" s="521"/>
      <c r="M15" s="521"/>
      <c r="N15" s="521"/>
      <c r="O15" s="521"/>
      <c r="P15" s="521"/>
      <c r="Q15" s="521"/>
      <c r="R15" s="521"/>
      <c r="S15" s="521"/>
      <c r="T15" s="521"/>
      <c r="U15" s="521"/>
      <c r="V15" s="521"/>
      <c r="W15" s="522"/>
      <c r="X15" s="294"/>
      <c r="Z15" s="272" t="s">
        <v>0</v>
      </c>
      <c r="AA15" s="272" t="s">
        <v>95</v>
      </c>
      <c r="AB15" s="272" t="s">
        <v>0</v>
      </c>
      <c r="AC15" s="88"/>
    </row>
    <row r="16" spans="2:32" x14ac:dyDescent="0.15">
      <c r="B16" s="295"/>
      <c r="X16" s="294"/>
      <c r="Z16" s="272"/>
      <c r="AA16" s="272"/>
      <c r="AB16" s="272"/>
      <c r="AC16" s="292"/>
    </row>
    <row r="17" spans="2:32" ht="28.15" customHeight="1" x14ac:dyDescent="0.15">
      <c r="B17" s="295"/>
      <c r="C17" s="441">
        <v>3</v>
      </c>
      <c r="D17" s="442" t="s">
        <v>716</v>
      </c>
      <c r="E17" s="442"/>
      <c r="F17" s="443"/>
      <c r="G17" s="643" t="s">
        <v>717</v>
      </c>
      <c r="H17" s="644"/>
      <c r="I17" s="644"/>
      <c r="J17" s="644"/>
      <c r="K17" s="644"/>
      <c r="L17" s="644"/>
      <c r="M17" s="644"/>
      <c r="N17" s="644"/>
      <c r="O17" s="644"/>
      <c r="P17" s="644"/>
      <c r="Q17" s="644"/>
      <c r="R17" s="644"/>
      <c r="S17" s="644"/>
      <c r="T17" s="644"/>
      <c r="U17" s="644"/>
      <c r="V17" s="644"/>
      <c r="W17" s="645"/>
      <c r="X17" s="294"/>
      <c r="Z17" s="335"/>
      <c r="AA17" s="272"/>
      <c r="AB17" s="335"/>
      <c r="AC17" s="88"/>
    </row>
    <row r="18" spans="2:32" ht="17.25" customHeight="1" x14ac:dyDescent="0.15">
      <c r="B18" s="295"/>
      <c r="C18" s="444"/>
      <c r="D18" s="439"/>
      <c r="E18" s="439"/>
      <c r="F18" s="445"/>
      <c r="G18" s="91" t="s">
        <v>718</v>
      </c>
      <c r="H18" s="2"/>
      <c r="I18" s="2"/>
      <c r="J18" s="2"/>
      <c r="K18" s="2"/>
      <c r="L18" s="2"/>
      <c r="M18" s="2"/>
      <c r="N18" s="2"/>
      <c r="O18" s="2"/>
      <c r="P18" s="2"/>
      <c r="Q18" s="2"/>
      <c r="R18" s="2"/>
      <c r="S18" s="2"/>
      <c r="T18" s="2"/>
      <c r="U18" s="2"/>
      <c r="V18" s="2"/>
      <c r="W18" s="88"/>
      <c r="X18" s="294"/>
      <c r="Z18" s="272" t="s">
        <v>0</v>
      </c>
      <c r="AA18" s="272" t="s">
        <v>95</v>
      </c>
      <c r="AB18" s="272" t="s">
        <v>0</v>
      </c>
      <c r="AC18" s="88"/>
    </row>
    <row r="19" spans="2:32" ht="17.25" customHeight="1" x14ac:dyDescent="0.15">
      <c r="B19" s="295"/>
      <c r="C19" s="444"/>
      <c r="D19" s="439"/>
      <c r="E19" s="439"/>
      <c r="F19" s="445"/>
      <c r="G19" s="295"/>
      <c r="W19" s="294"/>
      <c r="X19" s="294"/>
      <c r="Z19" s="335"/>
      <c r="AA19" s="272"/>
      <c r="AB19" s="335"/>
      <c r="AC19" s="88"/>
    </row>
    <row r="20" spans="2:32" ht="17.25" customHeight="1" x14ac:dyDescent="0.15">
      <c r="B20" s="295"/>
      <c r="C20" s="444"/>
      <c r="D20" s="439"/>
      <c r="E20" s="439"/>
      <c r="F20" s="445"/>
      <c r="G20" s="646" t="s">
        <v>719</v>
      </c>
      <c r="H20" s="647"/>
      <c r="I20" s="647"/>
      <c r="J20" s="647"/>
      <c r="K20" s="647"/>
      <c r="L20" s="647"/>
      <c r="M20" s="647"/>
      <c r="N20" s="647"/>
      <c r="O20" s="647"/>
      <c r="P20" s="647"/>
      <c r="Q20" s="647"/>
      <c r="R20" s="647"/>
      <c r="S20" s="647"/>
      <c r="T20" s="647"/>
      <c r="U20" s="647"/>
      <c r="V20" s="647"/>
      <c r="W20" s="648"/>
      <c r="X20" s="294"/>
      <c r="Z20" s="335"/>
      <c r="AA20" s="272"/>
      <c r="AB20" s="335"/>
      <c r="AC20" s="88"/>
    </row>
    <row r="21" spans="2:32" ht="17.25" customHeight="1" x14ac:dyDescent="0.15">
      <c r="B21" s="295"/>
      <c r="C21" s="444"/>
      <c r="D21" s="439"/>
      <c r="E21" s="439"/>
      <c r="F21" s="445"/>
      <c r="G21" s="91" t="s">
        <v>720</v>
      </c>
      <c r="H21" s="2"/>
      <c r="I21" s="2"/>
      <c r="J21" s="2"/>
      <c r="K21" s="2"/>
      <c r="L21" s="2"/>
      <c r="M21" s="2"/>
      <c r="N21" s="2"/>
      <c r="O21" s="2"/>
      <c r="P21" s="2"/>
      <c r="Q21" s="2"/>
      <c r="R21" s="2"/>
      <c r="S21" s="2"/>
      <c r="T21" s="2"/>
      <c r="U21" s="2"/>
      <c r="V21" s="2"/>
      <c r="W21" s="88"/>
      <c r="X21" s="294"/>
      <c r="Z21" s="272" t="s">
        <v>0</v>
      </c>
      <c r="AA21" s="272" t="s">
        <v>95</v>
      </c>
      <c r="AB21" s="272" t="s">
        <v>0</v>
      </c>
      <c r="AC21" s="88"/>
    </row>
    <row r="22" spans="2:32" ht="17.25" customHeight="1" x14ac:dyDescent="0.15">
      <c r="B22" s="295"/>
      <c r="C22" s="444"/>
      <c r="D22" s="439"/>
      <c r="E22" s="439"/>
      <c r="F22" s="445"/>
      <c r="G22" s="295"/>
      <c r="H22" s="277" t="s">
        <v>180</v>
      </c>
      <c r="I22" s="395" t="s">
        <v>721</v>
      </c>
      <c r="J22" s="395"/>
      <c r="K22" s="395"/>
      <c r="L22" s="395"/>
      <c r="M22" s="395"/>
      <c r="N22" s="395"/>
      <c r="O22" s="395"/>
      <c r="P22" s="395"/>
      <c r="Q22" s="395"/>
      <c r="R22" s="395"/>
      <c r="S22" s="395"/>
      <c r="T22" s="398"/>
      <c r="U22" s="400"/>
      <c r="V22" s="287" t="s">
        <v>181</v>
      </c>
      <c r="X22" s="239"/>
      <c r="Z22" s="335"/>
      <c r="AA22" s="272"/>
      <c r="AB22" s="335"/>
      <c r="AC22" s="88"/>
    </row>
    <row r="23" spans="2:32" ht="31.5" customHeight="1" x14ac:dyDescent="0.15">
      <c r="B23" s="295"/>
      <c r="C23" s="444"/>
      <c r="D23" s="439"/>
      <c r="E23" s="439"/>
      <c r="F23" s="445"/>
      <c r="G23" s="239"/>
      <c r="H23" s="277" t="s">
        <v>182</v>
      </c>
      <c r="I23" s="521" t="s">
        <v>722</v>
      </c>
      <c r="J23" s="521"/>
      <c r="K23" s="521"/>
      <c r="L23" s="521"/>
      <c r="M23" s="521"/>
      <c r="N23" s="521"/>
      <c r="O23" s="521"/>
      <c r="P23" s="521"/>
      <c r="Q23" s="521"/>
      <c r="R23" s="521"/>
      <c r="S23" s="522"/>
      <c r="T23" s="398"/>
      <c r="U23" s="400"/>
      <c r="V23" s="287" t="s">
        <v>181</v>
      </c>
      <c r="X23" s="239"/>
      <c r="Z23" s="335"/>
      <c r="AA23" s="272"/>
      <c r="AB23" s="335"/>
      <c r="AC23" s="88"/>
    </row>
    <row r="24" spans="2:32" ht="17.25" customHeight="1" x14ac:dyDescent="0.15">
      <c r="B24" s="295"/>
      <c r="C24" s="444"/>
      <c r="D24" s="439"/>
      <c r="E24" s="439"/>
      <c r="F24" s="445"/>
      <c r="G24" s="295"/>
      <c r="W24" s="294"/>
      <c r="X24" s="294"/>
      <c r="Z24" s="2"/>
      <c r="AA24" s="2"/>
      <c r="AB24" s="2"/>
      <c r="AC24" s="88"/>
    </row>
    <row r="25" spans="2:32" ht="17.25" customHeight="1" x14ac:dyDescent="0.15">
      <c r="B25" s="295"/>
      <c r="C25" s="444"/>
      <c r="D25" s="439"/>
      <c r="E25" s="439"/>
      <c r="F25" s="445"/>
      <c r="G25" s="91" t="s">
        <v>723</v>
      </c>
      <c r="H25" s="2"/>
      <c r="I25" s="2"/>
      <c r="J25" s="2"/>
      <c r="K25" s="2"/>
      <c r="L25" s="2"/>
      <c r="M25" s="2"/>
      <c r="N25" s="2"/>
      <c r="O25" s="2"/>
      <c r="P25" s="2"/>
      <c r="Q25" s="2"/>
      <c r="R25" s="2"/>
      <c r="S25" s="2"/>
      <c r="T25" s="2"/>
      <c r="U25" s="2"/>
      <c r="V25" s="2"/>
      <c r="W25" s="88"/>
      <c r="X25" s="88"/>
      <c r="Z25" s="272" t="s">
        <v>0</v>
      </c>
      <c r="AA25" s="272" t="s">
        <v>95</v>
      </c>
      <c r="AB25" s="272" t="s">
        <v>0</v>
      </c>
      <c r="AC25" s="88"/>
    </row>
    <row r="26" spans="2:32" ht="17.25" customHeight="1" x14ac:dyDescent="0.15">
      <c r="B26" s="295"/>
      <c r="C26" s="446"/>
      <c r="D26" s="447"/>
      <c r="E26" s="447"/>
      <c r="F26" s="448"/>
      <c r="G26" s="86"/>
      <c r="H26" s="301"/>
      <c r="I26" s="301"/>
      <c r="J26" s="259"/>
      <c r="K26" s="259"/>
      <c r="L26" s="259"/>
      <c r="M26" s="259"/>
      <c r="N26" s="259"/>
      <c r="O26" s="259"/>
      <c r="P26" s="259"/>
      <c r="Q26" s="259"/>
      <c r="R26" s="259"/>
      <c r="S26" s="259"/>
      <c r="T26" s="259"/>
      <c r="U26" s="259"/>
      <c r="V26" s="259"/>
      <c r="W26" s="300"/>
      <c r="X26" s="294"/>
      <c r="Z26" s="335"/>
      <c r="AA26" s="272"/>
      <c r="AB26" s="335"/>
      <c r="AC26" s="88"/>
    </row>
    <row r="27" spans="2:32" ht="17.25" customHeight="1" x14ac:dyDescent="0.15">
      <c r="B27" s="295"/>
      <c r="D27" s="260"/>
      <c r="E27" s="260"/>
      <c r="F27" s="260"/>
      <c r="X27" s="294"/>
      <c r="Z27" s="335"/>
      <c r="AA27" s="272"/>
      <c r="AB27" s="335"/>
      <c r="AC27" s="88"/>
    </row>
    <row r="28" spans="2:32" x14ac:dyDescent="0.15">
      <c r="B28" s="299"/>
      <c r="C28" s="259"/>
      <c r="D28" s="259"/>
      <c r="E28" s="259"/>
      <c r="F28" s="259"/>
      <c r="G28" s="259"/>
      <c r="H28" s="259"/>
      <c r="I28" s="259"/>
      <c r="J28" s="259"/>
      <c r="K28" s="259"/>
      <c r="L28" s="259"/>
      <c r="M28" s="259"/>
      <c r="N28" s="259"/>
      <c r="O28" s="259"/>
      <c r="P28" s="259"/>
      <c r="Q28" s="259"/>
      <c r="R28" s="259"/>
      <c r="S28" s="259"/>
      <c r="T28" s="259"/>
      <c r="U28" s="259"/>
      <c r="V28" s="259"/>
      <c r="W28" s="259"/>
      <c r="X28" s="300"/>
      <c r="Y28" s="259"/>
      <c r="Z28" s="259"/>
      <c r="AA28" s="259"/>
      <c r="AB28" s="259"/>
      <c r="AC28" s="300"/>
    </row>
    <row r="30" spans="2:32" ht="7.5" customHeight="1" x14ac:dyDescent="0.15">
      <c r="Z30" s="2"/>
      <c r="AA30" s="2"/>
      <c r="AB30" s="2"/>
      <c r="AC30" s="2"/>
    </row>
    <row r="31" spans="2:32" x14ac:dyDescent="0.15">
      <c r="B31" s="290" t="s">
        <v>280</v>
      </c>
    </row>
    <row r="32" spans="2:32" x14ac:dyDescent="0.15">
      <c r="B32" s="290" t="s">
        <v>281</v>
      </c>
      <c r="K32"/>
      <c r="L32"/>
      <c r="M32"/>
      <c r="N32"/>
      <c r="O32"/>
      <c r="P32"/>
      <c r="Q32"/>
      <c r="R32"/>
      <c r="S32"/>
      <c r="T32"/>
      <c r="U32"/>
      <c r="V32"/>
      <c r="W32"/>
      <c r="X32"/>
      <c r="Y32"/>
      <c r="Z32"/>
      <c r="AA32"/>
      <c r="AB32"/>
      <c r="AC32"/>
      <c r="AD32"/>
      <c r="AE32"/>
      <c r="AF32"/>
    </row>
    <row r="122" spans="3:7" x14ac:dyDescent="0.15">
      <c r="C122" s="259"/>
      <c r="D122" s="259"/>
      <c r="E122" s="259"/>
      <c r="F122" s="259"/>
      <c r="G122" s="259"/>
    </row>
    <row r="123" spans="3:7" x14ac:dyDescent="0.15">
      <c r="C123" s="297"/>
    </row>
  </sheetData>
  <mergeCells count="19">
    <mergeCell ref="D13:F13"/>
    <mergeCell ref="G13:W13"/>
    <mergeCell ref="D15:F15"/>
    <mergeCell ref="G15:W15"/>
    <mergeCell ref="C17:C26"/>
    <mergeCell ref="D17:F26"/>
    <mergeCell ref="G17:W17"/>
    <mergeCell ref="G20:W20"/>
    <mergeCell ref="I22:S22"/>
    <mergeCell ref="T22:U22"/>
    <mergeCell ref="I23:S23"/>
    <mergeCell ref="T23:U23"/>
    <mergeCell ref="B4:AC4"/>
    <mergeCell ref="B6:F6"/>
    <mergeCell ref="G6:AC6"/>
    <mergeCell ref="B7:F7"/>
    <mergeCell ref="B8:F8"/>
    <mergeCell ref="H8:P8"/>
    <mergeCell ref="S8:AC8"/>
  </mergeCells>
  <phoneticPr fontId="1"/>
  <dataValidations count="1">
    <dataValidation type="list" allowBlank="1" showInputMessage="1" showErrorMessage="1" sqref="Z13 AB13 Z15 AB15 Z18 AB18 Z21 AB21 Z25 AB25 L7 G7:G8 Q7 R8">
      <formula1>"□,■"</formula1>
    </dataValidation>
  </dataValidations>
  <pageMargins left="0.7" right="0.7" top="0.75" bottom="0.75" header="0.3" footer="0.3"/>
  <pageSetup paperSize="9" scale="83" orientation="portrait" r:id="rId1"/>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K123"/>
  <sheetViews>
    <sheetView view="pageBreakPreview" zoomScaleNormal="100" zoomScaleSheetLayoutView="100" workbookViewId="0">
      <selection activeCell="F61" sqref="F61"/>
    </sheetView>
  </sheetViews>
  <sheetFormatPr defaultColWidth="4" defaultRowHeight="13.5" x14ac:dyDescent="0.15"/>
  <cols>
    <col min="1" max="1" width="1.5" style="290" customWidth="1"/>
    <col min="2" max="2" width="2.375" style="290" customWidth="1"/>
    <col min="3" max="3" width="1.125" style="290" customWidth="1"/>
    <col min="4" max="18" width="4" style="290"/>
    <col min="19" max="19" width="8.125" style="290" customWidth="1"/>
    <col min="20" max="20" width="4" style="290"/>
    <col min="21" max="21" width="2.375" style="290" customWidth="1"/>
    <col min="22" max="22" width="4" style="290"/>
    <col min="23" max="23" width="2.25" style="290" customWidth="1"/>
    <col min="24" max="24" width="4" style="290"/>
    <col min="25" max="25" width="2.375" style="290" customWidth="1"/>
    <col min="26" max="26" width="1.5" style="290" customWidth="1"/>
    <col min="27" max="16384" width="4" style="290"/>
  </cols>
  <sheetData>
    <row r="2" spans="2:25" x14ac:dyDescent="0.15">
      <c r="B2" s="290" t="s">
        <v>724</v>
      </c>
      <c r="C2"/>
      <c r="D2"/>
      <c r="E2"/>
      <c r="F2"/>
      <c r="G2"/>
      <c r="H2"/>
      <c r="I2"/>
      <c r="J2"/>
      <c r="K2"/>
      <c r="L2"/>
      <c r="M2"/>
      <c r="N2"/>
      <c r="O2"/>
      <c r="P2"/>
      <c r="Q2"/>
      <c r="R2"/>
      <c r="S2"/>
      <c r="T2"/>
      <c r="U2"/>
      <c r="V2"/>
      <c r="W2"/>
      <c r="X2"/>
      <c r="Y2"/>
    </row>
    <row r="4" spans="2:25" x14ac:dyDescent="0.15">
      <c r="B4" s="392" t="s">
        <v>725</v>
      </c>
      <c r="C4" s="392"/>
      <c r="D4" s="392"/>
      <c r="E4" s="392"/>
      <c r="F4" s="392"/>
      <c r="G4" s="392"/>
      <c r="H4" s="392"/>
      <c r="I4" s="392"/>
      <c r="J4" s="392"/>
      <c r="K4" s="392"/>
      <c r="L4" s="392"/>
      <c r="M4" s="392"/>
      <c r="N4" s="392"/>
      <c r="O4" s="392"/>
      <c r="P4" s="392"/>
      <c r="Q4" s="392"/>
      <c r="R4" s="392"/>
      <c r="S4" s="392"/>
      <c r="T4" s="392"/>
      <c r="U4" s="392"/>
      <c r="V4" s="392"/>
      <c r="W4" s="392"/>
      <c r="X4" s="392"/>
      <c r="Y4" s="392"/>
    </row>
    <row r="6" spans="2:25" ht="23.25" customHeight="1" x14ac:dyDescent="0.15">
      <c r="B6" s="393" t="s">
        <v>115</v>
      </c>
      <c r="C6" s="393"/>
      <c r="D6" s="393"/>
      <c r="E6" s="393"/>
      <c r="F6" s="393"/>
      <c r="G6" s="394"/>
      <c r="H6" s="395"/>
      <c r="I6" s="395"/>
      <c r="J6" s="395"/>
      <c r="K6" s="395"/>
      <c r="L6" s="395"/>
      <c r="M6" s="395"/>
      <c r="N6" s="395"/>
      <c r="O6" s="395"/>
      <c r="P6" s="395"/>
      <c r="Q6" s="395"/>
      <c r="R6" s="395"/>
      <c r="S6" s="395"/>
      <c r="T6" s="395"/>
      <c r="U6" s="395"/>
      <c r="V6" s="395"/>
      <c r="W6" s="395"/>
      <c r="X6" s="395"/>
      <c r="Y6" s="396"/>
    </row>
    <row r="7" spans="2:25" ht="23.25" customHeight="1" x14ac:dyDescent="0.15">
      <c r="B7" s="393" t="s">
        <v>116</v>
      </c>
      <c r="C7" s="393"/>
      <c r="D7" s="393"/>
      <c r="E7" s="393"/>
      <c r="F7" s="393"/>
      <c r="G7" s="250" t="s">
        <v>0</v>
      </c>
      <c r="H7" s="315" t="s">
        <v>87</v>
      </c>
      <c r="I7" s="315"/>
      <c r="J7" s="315"/>
      <c r="K7" s="315"/>
      <c r="L7" s="250" t="s">
        <v>0</v>
      </c>
      <c r="M7" s="315" t="s">
        <v>88</v>
      </c>
      <c r="N7" s="315"/>
      <c r="O7" s="315"/>
      <c r="P7" s="315"/>
      <c r="Q7" s="250" t="s">
        <v>0</v>
      </c>
      <c r="R7" s="315" t="s">
        <v>89</v>
      </c>
      <c r="S7" s="315"/>
      <c r="T7" s="315"/>
      <c r="U7" s="315"/>
      <c r="V7" s="315"/>
      <c r="W7" s="286"/>
      <c r="X7" s="286"/>
      <c r="Y7" s="287"/>
    </row>
    <row r="8" spans="2:25" ht="20.100000000000001" customHeight="1" x14ac:dyDescent="0.15">
      <c r="B8" s="401" t="s">
        <v>122</v>
      </c>
      <c r="C8" s="402"/>
      <c r="D8" s="402"/>
      <c r="E8" s="402"/>
      <c r="F8" s="403"/>
      <c r="G8" s="252" t="s">
        <v>0</v>
      </c>
      <c r="H8" s="424" t="s">
        <v>726</v>
      </c>
      <c r="I8" s="424"/>
      <c r="J8" s="424"/>
      <c r="K8" s="424"/>
      <c r="L8" s="424"/>
      <c r="M8" s="424"/>
      <c r="N8" s="424"/>
      <c r="O8" s="424"/>
      <c r="P8" s="424"/>
      <c r="Q8" s="424"/>
      <c r="R8" s="424"/>
      <c r="S8" s="424"/>
      <c r="T8" s="424"/>
      <c r="U8" s="424"/>
      <c r="V8" s="424"/>
      <c r="W8" s="424"/>
      <c r="X8" s="424"/>
      <c r="Y8" s="425"/>
    </row>
    <row r="9" spans="2:25" ht="20.100000000000001" customHeight="1" x14ac:dyDescent="0.15">
      <c r="B9" s="404"/>
      <c r="C9" s="405"/>
      <c r="D9" s="405"/>
      <c r="E9" s="405"/>
      <c r="F9" s="406"/>
      <c r="G9" s="255" t="s">
        <v>0</v>
      </c>
      <c r="H9" s="427" t="s">
        <v>727</v>
      </c>
      <c r="I9" s="427"/>
      <c r="J9" s="427"/>
      <c r="K9" s="427"/>
      <c r="L9" s="427"/>
      <c r="M9" s="427"/>
      <c r="N9" s="427"/>
      <c r="O9" s="427"/>
      <c r="P9" s="427"/>
      <c r="Q9" s="427"/>
      <c r="R9" s="427"/>
      <c r="S9" s="427"/>
      <c r="T9" s="427"/>
      <c r="U9" s="427"/>
      <c r="V9" s="427"/>
      <c r="W9" s="427"/>
      <c r="X9" s="427"/>
      <c r="Y9" s="428"/>
    </row>
    <row r="10" spans="2:25" ht="10.5" customHeight="1" x14ac:dyDescent="0.15">
      <c r="B10" s="272"/>
      <c r="C10" s="272"/>
      <c r="D10" s="272"/>
      <c r="E10" s="272"/>
      <c r="F10" s="272"/>
      <c r="G10" s="2"/>
      <c r="I10" s="274"/>
      <c r="J10" s="274"/>
      <c r="K10" s="274"/>
      <c r="L10" s="274"/>
      <c r="M10" s="274"/>
      <c r="N10" s="274"/>
      <c r="O10" s="274"/>
      <c r="P10" s="274"/>
      <c r="Q10" s="274"/>
      <c r="R10" s="274"/>
      <c r="S10" s="274"/>
      <c r="T10" s="274"/>
      <c r="U10" s="274"/>
      <c r="V10" s="274"/>
      <c r="W10" s="274"/>
      <c r="X10" s="274"/>
      <c r="Y10" s="274"/>
    </row>
    <row r="11" spans="2:25" ht="17.25" customHeight="1" x14ac:dyDescent="0.15">
      <c r="B11" s="290" t="s">
        <v>728</v>
      </c>
      <c r="C11" s="272"/>
      <c r="D11" s="272"/>
      <c r="E11" s="272"/>
      <c r="F11" s="272"/>
      <c r="G11" s="2"/>
      <c r="I11" s="274"/>
      <c r="J11" s="274"/>
      <c r="K11" s="274"/>
      <c r="L11" s="274"/>
      <c r="M11" s="274"/>
      <c r="N11" s="274"/>
      <c r="O11" s="274"/>
      <c r="P11" s="274"/>
      <c r="Q11" s="274"/>
      <c r="R11" s="274"/>
      <c r="S11" s="274"/>
      <c r="T11" s="274"/>
    </row>
    <row r="12" spans="2:25" ht="6" customHeight="1" x14ac:dyDescent="0.15">
      <c r="B12" s="296"/>
      <c r="C12" s="297"/>
      <c r="D12" s="297"/>
      <c r="E12" s="297"/>
      <c r="F12" s="297"/>
      <c r="G12" s="297"/>
      <c r="H12" s="297"/>
      <c r="I12" s="297"/>
      <c r="J12" s="297"/>
      <c r="K12" s="297"/>
      <c r="L12" s="297"/>
      <c r="M12" s="297"/>
      <c r="N12" s="297"/>
      <c r="O12" s="297"/>
      <c r="P12" s="297"/>
      <c r="Q12" s="297"/>
      <c r="R12" s="297"/>
      <c r="S12" s="297"/>
      <c r="T12" s="297"/>
      <c r="U12" s="296"/>
      <c r="V12" s="113"/>
      <c r="W12" s="113"/>
      <c r="X12" s="113"/>
      <c r="Y12" s="298"/>
    </row>
    <row r="13" spans="2:25" ht="21.75" customHeight="1" x14ac:dyDescent="0.15">
      <c r="B13" s="295"/>
      <c r="C13" s="290" t="s">
        <v>729</v>
      </c>
      <c r="U13" s="295"/>
      <c r="V13" s="94"/>
      <c r="W13" s="94"/>
      <c r="X13" s="94"/>
      <c r="Y13" s="294"/>
    </row>
    <row r="14" spans="2:25" ht="5.25" customHeight="1" x14ac:dyDescent="0.15">
      <c r="B14" s="295"/>
      <c r="U14" s="295"/>
      <c r="Y14" s="294"/>
    </row>
    <row r="15" spans="2:25" ht="28.5" customHeight="1" x14ac:dyDescent="0.15">
      <c r="B15" s="295"/>
      <c r="D15" s="398"/>
      <c r="E15" s="399"/>
      <c r="F15" s="399"/>
      <c r="G15" s="399"/>
      <c r="H15" s="399"/>
      <c r="I15" s="399"/>
      <c r="J15" s="399"/>
      <c r="K15" s="399"/>
      <c r="L15" s="495" t="s">
        <v>730</v>
      </c>
      <c r="M15" s="495"/>
      <c r="N15" s="573"/>
      <c r="O15" s="295"/>
      <c r="T15" s="272"/>
      <c r="U15" s="295"/>
      <c r="V15" s="94" t="s">
        <v>94</v>
      </c>
      <c r="W15" s="94" t="s">
        <v>95</v>
      </c>
      <c r="X15" s="94" t="s">
        <v>96</v>
      </c>
      <c r="Y15" s="294"/>
    </row>
    <row r="16" spans="2:25" ht="6" customHeight="1" x14ac:dyDescent="0.15">
      <c r="B16" s="295"/>
      <c r="U16" s="295"/>
      <c r="Y16" s="294"/>
    </row>
    <row r="17" spans="1:37" ht="19.5" customHeight="1" x14ac:dyDescent="0.15">
      <c r="B17" s="295"/>
      <c r="C17" s="290" t="s">
        <v>731</v>
      </c>
      <c r="U17" s="295"/>
      <c r="V17" s="109" t="s">
        <v>0</v>
      </c>
      <c r="W17" s="109" t="s">
        <v>95</v>
      </c>
      <c r="X17" s="109" t="s">
        <v>0</v>
      </c>
      <c r="Y17" s="294"/>
    </row>
    <row r="18" spans="1:37" ht="6.75" customHeight="1" x14ac:dyDescent="0.15">
      <c r="B18" s="295"/>
      <c r="L18" s="272"/>
      <c r="Q18" s="272"/>
      <c r="U18" s="295"/>
      <c r="Y18" s="294"/>
    </row>
    <row r="19" spans="1:37" ht="27.75" customHeight="1" x14ac:dyDescent="0.15">
      <c r="B19" s="295"/>
      <c r="C19" s="407" t="s">
        <v>732</v>
      </c>
      <c r="D19" s="407"/>
      <c r="E19" s="407"/>
      <c r="F19" s="407"/>
      <c r="G19" s="407"/>
      <c r="H19" s="407"/>
      <c r="I19" s="407"/>
      <c r="J19" s="407"/>
      <c r="K19" s="407"/>
      <c r="L19" s="407"/>
      <c r="M19" s="407"/>
      <c r="N19" s="407"/>
      <c r="O19" s="407"/>
      <c r="P19" s="407"/>
      <c r="Q19" s="407"/>
      <c r="R19" s="407"/>
      <c r="S19" s="407"/>
      <c r="T19" s="458"/>
      <c r="U19" s="295"/>
      <c r="V19" s="109" t="s">
        <v>0</v>
      </c>
      <c r="W19" s="109" t="s">
        <v>95</v>
      </c>
      <c r="X19" s="109" t="s">
        <v>0</v>
      </c>
      <c r="Y19" s="294"/>
    </row>
    <row r="20" spans="1:37" ht="8.25" customHeight="1" x14ac:dyDescent="0.15">
      <c r="B20" s="295"/>
      <c r="L20" s="272"/>
      <c r="Q20" s="272"/>
      <c r="U20" s="295"/>
      <c r="Y20" s="294"/>
    </row>
    <row r="21" spans="1:37" ht="18" customHeight="1" x14ac:dyDescent="0.15">
      <c r="B21" s="295"/>
      <c r="C21" s="290" t="s">
        <v>733</v>
      </c>
      <c r="L21" s="272"/>
      <c r="U21" s="295"/>
      <c r="V21" s="109" t="s">
        <v>0</v>
      </c>
      <c r="W21" s="109" t="s">
        <v>95</v>
      </c>
      <c r="X21" s="109" t="s">
        <v>0</v>
      </c>
      <c r="Y21" s="294"/>
    </row>
    <row r="22" spans="1:37" ht="8.25" customHeight="1" x14ac:dyDescent="0.15">
      <c r="B22" s="295"/>
      <c r="U22" s="295"/>
      <c r="Y22" s="294"/>
    </row>
    <row r="23" spans="1:37" ht="27.75" customHeight="1" x14ac:dyDescent="0.15">
      <c r="B23" s="91"/>
      <c r="C23"/>
      <c r="D23" s="249" t="s">
        <v>734</v>
      </c>
      <c r="E23" s="521" t="s">
        <v>735</v>
      </c>
      <c r="F23" s="521"/>
      <c r="G23" s="521"/>
      <c r="H23" s="521"/>
      <c r="I23" s="521"/>
      <c r="J23" s="521"/>
      <c r="K23" s="521"/>
      <c r="L23" s="521"/>
      <c r="M23" s="521"/>
      <c r="N23" s="521"/>
      <c r="O23" s="521"/>
      <c r="P23" s="521"/>
      <c r="Q23" s="521"/>
      <c r="R23" s="522"/>
      <c r="S23" s="293"/>
      <c r="U23" s="295"/>
      <c r="V23" s="335"/>
      <c r="W23" s="272"/>
      <c r="X23" s="335"/>
      <c r="Y23" s="88"/>
      <c r="AC23" s="2"/>
      <c r="AD23" s="2"/>
      <c r="AE23" s="2"/>
      <c r="AF23" s="2"/>
      <c r="AG23" s="2"/>
      <c r="AH23" s="2"/>
      <c r="AI23" s="2"/>
      <c r="AJ23" s="2"/>
      <c r="AK23" s="2"/>
    </row>
    <row r="24" spans="1:37" ht="54" customHeight="1" x14ac:dyDescent="0.15">
      <c r="B24" s="91"/>
      <c r="C24"/>
      <c r="D24" s="249" t="s">
        <v>736</v>
      </c>
      <c r="E24" s="521" t="s">
        <v>982</v>
      </c>
      <c r="F24" s="521"/>
      <c r="G24" s="521"/>
      <c r="H24" s="521"/>
      <c r="I24" s="521"/>
      <c r="J24" s="521"/>
      <c r="K24" s="521"/>
      <c r="L24" s="521"/>
      <c r="M24" s="521"/>
      <c r="N24" s="521"/>
      <c r="O24" s="521"/>
      <c r="P24" s="521"/>
      <c r="Q24" s="521"/>
      <c r="R24" s="522"/>
      <c r="S24" s="293"/>
      <c r="U24" s="295"/>
      <c r="V24" s="335"/>
      <c r="W24" s="272"/>
      <c r="X24" s="335"/>
      <c r="Y24" s="88"/>
      <c r="AC24" s="2"/>
      <c r="AD24" s="2"/>
      <c r="AE24" s="2"/>
      <c r="AF24" s="2"/>
      <c r="AG24" s="2"/>
      <c r="AH24" s="2"/>
      <c r="AI24" s="2"/>
      <c r="AJ24" s="2"/>
      <c r="AK24" s="2"/>
    </row>
    <row r="25" spans="1:37" ht="26.25" customHeight="1" x14ac:dyDescent="0.15">
      <c r="B25" s="91"/>
      <c r="C25"/>
      <c r="D25" s="249" t="s">
        <v>737</v>
      </c>
      <c r="E25" s="521" t="s">
        <v>738</v>
      </c>
      <c r="F25" s="521"/>
      <c r="G25" s="521"/>
      <c r="H25" s="521"/>
      <c r="I25" s="521"/>
      <c r="J25" s="521"/>
      <c r="K25" s="521"/>
      <c r="L25" s="521"/>
      <c r="M25" s="521"/>
      <c r="N25" s="521"/>
      <c r="O25" s="521"/>
      <c r="P25" s="521"/>
      <c r="Q25" s="521"/>
      <c r="R25" s="522"/>
      <c r="S25" s="293"/>
      <c r="U25" s="295"/>
      <c r="V25" s="335"/>
      <c r="W25" s="272"/>
      <c r="X25" s="335"/>
      <c r="Y25" s="88"/>
      <c r="AC25" s="2"/>
      <c r="AD25" s="2"/>
      <c r="AE25" s="2"/>
      <c r="AF25" s="2"/>
      <c r="AG25" s="2"/>
      <c r="AH25" s="2"/>
      <c r="AI25" s="2"/>
      <c r="AJ25" s="2"/>
      <c r="AK25" s="2"/>
    </row>
    <row r="26" spans="1:37" ht="17.25" customHeight="1" x14ac:dyDescent="0.15">
      <c r="B26" s="316"/>
      <c r="C26" s="649"/>
      <c r="D26" s="649"/>
      <c r="E26" s="650"/>
      <c r="F26" s="650"/>
      <c r="G26" s="650"/>
      <c r="H26" s="650"/>
      <c r="I26" s="650"/>
      <c r="J26" s="650"/>
      <c r="K26" s="650"/>
      <c r="L26" s="650"/>
      <c r="M26" s="650"/>
      <c r="N26" s="650"/>
      <c r="O26" s="650"/>
      <c r="P26" s="650"/>
      <c r="Q26" s="650"/>
      <c r="R26" s="650"/>
      <c r="S26" s="650"/>
      <c r="T26" s="651"/>
      <c r="U26" s="299"/>
      <c r="V26" s="259"/>
      <c r="W26" s="259"/>
      <c r="X26" s="259"/>
      <c r="Y26" s="300"/>
    </row>
    <row r="27" spans="1:37" ht="4.5" customHeight="1" x14ac:dyDescent="0.15">
      <c r="A27" s="336"/>
      <c r="B27" s="336"/>
      <c r="C27" s="336"/>
      <c r="D27" s="336"/>
      <c r="E27" s="336"/>
      <c r="F27" s="336"/>
      <c r="G27" s="336"/>
      <c r="H27" s="336"/>
      <c r="I27" s="336"/>
      <c r="J27" s="336"/>
      <c r="K27" s="336"/>
      <c r="L27" s="336"/>
      <c r="M27" s="336"/>
      <c r="N27" s="336"/>
      <c r="O27" s="336"/>
      <c r="P27" s="336"/>
      <c r="Q27" s="336"/>
      <c r="R27" s="336"/>
      <c r="S27" s="336"/>
      <c r="T27" s="336"/>
      <c r="U27" s="336"/>
      <c r="V27" s="336"/>
      <c r="W27" s="336"/>
      <c r="X27" s="336"/>
      <c r="Y27" s="336"/>
      <c r="Z27" s="336"/>
    </row>
    <row r="28" spans="1:37" ht="26.25" customHeight="1" x14ac:dyDescent="0.15">
      <c r="B28" s="259" t="s">
        <v>739</v>
      </c>
    </row>
    <row r="29" spans="1:37" ht="6" customHeight="1" x14ac:dyDescent="0.15">
      <c r="B29" s="296"/>
      <c r="C29" s="297"/>
      <c r="D29" s="297"/>
      <c r="E29" s="297"/>
      <c r="F29" s="297"/>
      <c r="G29" s="297"/>
      <c r="H29" s="297"/>
      <c r="I29" s="297"/>
      <c r="J29" s="297"/>
      <c r="K29" s="297"/>
      <c r="L29" s="297"/>
      <c r="M29" s="297"/>
      <c r="N29" s="297"/>
      <c r="O29" s="297"/>
      <c r="P29" s="297"/>
      <c r="Q29" s="297"/>
      <c r="R29" s="297"/>
      <c r="S29" s="297"/>
      <c r="T29" s="297"/>
      <c r="U29" s="296"/>
      <c r="V29" s="297"/>
      <c r="W29" s="297"/>
      <c r="X29" s="297"/>
      <c r="Y29" s="298"/>
    </row>
    <row r="30" spans="1:37" ht="22.5" customHeight="1" x14ac:dyDescent="0.15">
      <c r="B30" s="295"/>
      <c r="C30" s="290" t="s">
        <v>740</v>
      </c>
      <c r="U30" s="295"/>
      <c r="Y30" s="294"/>
    </row>
    <row r="31" spans="1:37" ht="6" customHeight="1" x14ac:dyDescent="0.15">
      <c r="B31" s="295"/>
      <c r="U31" s="295"/>
      <c r="Y31" s="294"/>
    </row>
    <row r="32" spans="1:37" ht="21" customHeight="1" x14ac:dyDescent="0.15">
      <c r="B32" s="295"/>
      <c r="D32" s="398"/>
      <c r="E32" s="399"/>
      <c r="F32" s="399"/>
      <c r="G32" s="399"/>
      <c r="H32" s="399"/>
      <c r="I32" s="399"/>
      <c r="J32" s="399"/>
      <c r="K32" s="399"/>
      <c r="L32" s="399"/>
      <c r="M32" s="399"/>
      <c r="N32" s="315" t="s">
        <v>181</v>
      </c>
      <c r="O32" s="295"/>
      <c r="T32" s="272"/>
      <c r="U32" s="295"/>
      <c r="Y32" s="294"/>
    </row>
    <row r="33" spans="2:25" ht="9" customHeight="1" x14ac:dyDescent="0.15">
      <c r="B33" s="295"/>
      <c r="L33" s="272"/>
      <c r="Q33" s="272"/>
      <c r="U33" s="295"/>
      <c r="Y33" s="294"/>
    </row>
    <row r="34" spans="2:25" x14ac:dyDescent="0.15">
      <c r="B34" s="295"/>
      <c r="C34" s="290" t="s">
        <v>517</v>
      </c>
      <c r="U34" s="295"/>
      <c r="Y34" s="294"/>
    </row>
    <row r="35" spans="2:25" ht="7.5" customHeight="1" x14ac:dyDescent="0.15">
      <c r="B35" s="295"/>
      <c r="U35" s="295"/>
      <c r="Y35" s="294"/>
    </row>
    <row r="36" spans="2:25" ht="21.75" customHeight="1" x14ac:dyDescent="0.15">
      <c r="B36" s="295"/>
      <c r="D36" s="398"/>
      <c r="E36" s="399"/>
      <c r="F36" s="399"/>
      <c r="G36" s="399"/>
      <c r="H36" s="399"/>
      <c r="I36" s="399"/>
      <c r="J36" s="399"/>
      <c r="K36" s="399"/>
      <c r="L36" s="399"/>
      <c r="M36" s="399"/>
      <c r="N36" s="315" t="s">
        <v>181</v>
      </c>
      <c r="O36" s="295"/>
      <c r="T36" s="272"/>
      <c r="U36" s="295"/>
      <c r="Y36" s="294"/>
    </row>
    <row r="37" spans="2:25" ht="6.75" customHeight="1" x14ac:dyDescent="0.15">
      <c r="B37" s="295"/>
      <c r="L37" s="272"/>
      <c r="Q37" s="272"/>
      <c r="U37" s="295"/>
      <c r="Y37" s="294"/>
    </row>
    <row r="38" spans="2:25" ht="15.75" customHeight="1" x14ac:dyDescent="0.15">
      <c r="B38" s="295"/>
      <c r="C38" s="290" t="s">
        <v>518</v>
      </c>
      <c r="L38" s="272"/>
      <c r="Q38" s="272"/>
      <c r="U38" s="295"/>
      <c r="V38" s="94" t="s">
        <v>94</v>
      </c>
      <c r="W38" s="94" t="s">
        <v>95</v>
      </c>
      <c r="X38" s="94" t="s">
        <v>96</v>
      </c>
      <c r="Y38" s="294"/>
    </row>
    <row r="39" spans="2:25" ht="6.75" customHeight="1" x14ac:dyDescent="0.15">
      <c r="B39" s="295"/>
      <c r="L39" s="272"/>
      <c r="Q39" s="272"/>
      <c r="U39" s="295"/>
      <c r="Y39" s="294"/>
    </row>
    <row r="40" spans="2:25" ht="21.75" customHeight="1" x14ac:dyDescent="0.15">
      <c r="B40" s="295"/>
      <c r="D40" s="398"/>
      <c r="E40" s="399"/>
      <c r="F40" s="399"/>
      <c r="G40" s="399"/>
      <c r="H40" s="399"/>
      <c r="I40" s="399"/>
      <c r="J40" s="399"/>
      <c r="K40" s="399"/>
      <c r="L40" s="399"/>
      <c r="M40" s="399"/>
      <c r="N40" s="315" t="s">
        <v>60</v>
      </c>
      <c r="O40" s="295"/>
      <c r="P40" s="272" t="s">
        <v>184</v>
      </c>
      <c r="Q40" s="272"/>
      <c r="R40" s="290" t="s">
        <v>432</v>
      </c>
      <c r="U40" s="95"/>
      <c r="V40" s="109" t="s">
        <v>0</v>
      </c>
      <c r="W40" s="109" t="s">
        <v>95</v>
      </c>
      <c r="X40" s="109" t="s">
        <v>0</v>
      </c>
      <c r="Y40" s="294"/>
    </row>
    <row r="41" spans="2:25" ht="8.25" customHeight="1" x14ac:dyDescent="0.15">
      <c r="B41" s="295"/>
      <c r="L41" s="272"/>
      <c r="Q41" s="272"/>
      <c r="U41" s="295"/>
      <c r="Y41" s="294"/>
    </row>
    <row r="42" spans="2:25" ht="14.25" customHeight="1" x14ac:dyDescent="0.15">
      <c r="B42" s="295"/>
      <c r="C42" s="290" t="s">
        <v>520</v>
      </c>
      <c r="U42" s="295"/>
      <c r="Y42" s="294"/>
    </row>
    <row r="43" spans="2:25" ht="5.25" customHeight="1" x14ac:dyDescent="0.15">
      <c r="B43" s="295"/>
      <c r="U43" s="295"/>
      <c r="Y43" s="294"/>
    </row>
    <row r="44" spans="2:25" ht="18" customHeight="1" x14ac:dyDescent="0.15">
      <c r="B44" s="295" t="s">
        <v>100</v>
      </c>
      <c r="D44" s="398" t="s">
        <v>101</v>
      </c>
      <c r="E44" s="399"/>
      <c r="F44" s="400"/>
      <c r="G44" s="520"/>
      <c r="H44" s="521"/>
      <c r="I44" s="521"/>
      <c r="J44" s="521"/>
      <c r="K44" s="521"/>
      <c r="L44" s="521"/>
      <c r="M44" s="521"/>
      <c r="N44" s="521"/>
      <c r="O44" s="521"/>
      <c r="P44" s="521"/>
      <c r="Q44" s="521"/>
      <c r="R44" s="521"/>
      <c r="S44" s="522"/>
      <c r="U44" s="91"/>
      <c r="V44" s="2"/>
      <c r="W44" s="2"/>
      <c r="X44" s="2"/>
      <c r="Y44" s="294"/>
    </row>
    <row r="45" spans="2:25" ht="18.75" customHeight="1" x14ac:dyDescent="0.15">
      <c r="B45" s="295" t="s">
        <v>100</v>
      </c>
      <c r="D45" s="398" t="s">
        <v>102</v>
      </c>
      <c r="E45" s="399"/>
      <c r="F45" s="400"/>
      <c r="G45" s="520"/>
      <c r="H45" s="521"/>
      <c r="I45" s="521"/>
      <c r="J45" s="521"/>
      <c r="K45" s="521"/>
      <c r="L45" s="521"/>
      <c r="M45" s="521"/>
      <c r="N45" s="521"/>
      <c r="O45" s="521"/>
      <c r="P45" s="521"/>
      <c r="Q45" s="521"/>
      <c r="R45" s="521"/>
      <c r="S45" s="522"/>
      <c r="U45" s="91"/>
      <c r="V45" s="2"/>
      <c r="W45" s="2"/>
      <c r="X45" s="2"/>
      <c r="Y45" s="294"/>
    </row>
    <row r="46" spans="2:25" ht="19.5" customHeight="1" x14ac:dyDescent="0.15">
      <c r="B46" s="295" t="s">
        <v>100</v>
      </c>
      <c r="D46" s="398" t="s">
        <v>103</v>
      </c>
      <c r="E46" s="399"/>
      <c r="F46" s="400"/>
      <c r="G46" s="520"/>
      <c r="H46" s="521"/>
      <c r="I46" s="521"/>
      <c r="J46" s="521"/>
      <c r="K46" s="521"/>
      <c r="L46" s="521"/>
      <c r="M46" s="521"/>
      <c r="N46" s="521"/>
      <c r="O46" s="521"/>
      <c r="P46" s="521"/>
      <c r="Q46" s="521"/>
      <c r="R46" s="521"/>
      <c r="S46" s="522"/>
      <c r="U46" s="91"/>
      <c r="V46" s="2"/>
      <c r="W46" s="2"/>
      <c r="X46" s="2"/>
      <c r="Y46" s="294"/>
    </row>
    <row r="47" spans="2:25" ht="21" customHeight="1" x14ac:dyDescent="0.15">
      <c r="B47" s="295"/>
      <c r="C47" s="272"/>
      <c r="D47" s="272"/>
      <c r="E47" s="272"/>
      <c r="F47" s="272"/>
      <c r="G47" s="272"/>
      <c r="H47" s="272"/>
      <c r="I47" s="272"/>
      <c r="J47" s="272"/>
      <c r="K47" s="272"/>
      <c r="L47" s="272"/>
      <c r="M47" s="272"/>
      <c r="N47" s="272"/>
      <c r="O47" s="272"/>
      <c r="U47" s="295"/>
      <c r="V47" s="94" t="s">
        <v>94</v>
      </c>
      <c r="W47" s="94" t="s">
        <v>95</v>
      </c>
      <c r="X47" s="94" t="s">
        <v>96</v>
      </c>
      <c r="Y47" s="294"/>
    </row>
    <row r="48" spans="2:25" x14ac:dyDescent="0.15">
      <c r="B48" s="295"/>
      <c r="C48" s="290" t="s">
        <v>521</v>
      </c>
      <c r="D48" s="272"/>
      <c r="E48" s="272"/>
      <c r="F48" s="272"/>
      <c r="G48" s="272"/>
      <c r="H48" s="272"/>
      <c r="I48" s="272"/>
      <c r="J48" s="272"/>
      <c r="K48" s="272"/>
      <c r="L48" s="272"/>
      <c r="M48" s="272"/>
      <c r="N48" s="272"/>
      <c r="O48" s="272"/>
      <c r="U48" s="95"/>
      <c r="V48" s="109" t="s">
        <v>0</v>
      </c>
      <c r="W48" s="109" t="s">
        <v>95</v>
      </c>
      <c r="X48" s="109" t="s">
        <v>0</v>
      </c>
      <c r="Y48" s="294"/>
    </row>
    <row r="49" spans="1:37" ht="9" customHeight="1" x14ac:dyDescent="0.15">
      <c r="B49" s="295"/>
      <c r="D49" s="272"/>
      <c r="E49" s="272"/>
      <c r="F49" s="272"/>
      <c r="G49" s="272"/>
      <c r="H49" s="272"/>
      <c r="I49" s="272"/>
      <c r="J49" s="272"/>
      <c r="K49" s="272"/>
      <c r="L49" s="272"/>
      <c r="M49" s="272"/>
      <c r="N49" s="272"/>
      <c r="O49" s="272"/>
      <c r="U49" s="91"/>
      <c r="V49" s="2"/>
      <c r="W49" s="2"/>
      <c r="X49" s="2"/>
      <c r="Y49" s="294"/>
      <c r="Z49" s="109"/>
      <c r="AA49" s="109"/>
      <c r="AB49" s="109"/>
    </row>
    <row r="50" spans="1:37" ht="37.5" customHeight="1" x14ac:dyDescent="0.15">
      <c r="B50" s="295"/>
      <c r="C50" s="407" t="s">
        <v>1061</v>
      </c>
      <c r="D50" s="407"/>
      <c r="E50" s="407"/>
      <c r="F50" s="407"/>
      <c r="G50" s="407"/>
      <c r="H50" s="407"/>
      <c r="I50" s="407"/>
      <c r="J50" s="407"/>
      <c r="K50" s="407"/>
      <c r="L50" s="407"/>
      <c r="M50" s="407"/>
      <c r="N50" s="407"/>
      <c r="O50" s="407"/>
      <c r="P50" s="407"/>
      <c r="Q50" s="407"/>
      <c r="R50" s="407"/>
      <c r="S50" s="407"/>
      <c r="T50" s="458"/>
      <c r="U50" s="95"/>
      <c r="V50" s="109" t="s">
        <v>0</v>
      </c>
      <c r="W50" s="109" t="s">
        <v>95</v>
      </c>
      <c r="X50" s="109" t="s">
        <v>0</v>
      </c>
      <c r="Y50" s="294"/>
    </row>
    <row r="51" spans="1:37" ht="6" customHeight="1" x14ac:dyDescent="0.15">
      <c r="B51" s="299"/>
      <c r="C51" s="259"/>
      <c r="D51" s="259"/>
      <c r="E51" s="259"/>
      <c r="F51" s="259"/>
      <c r="G51" s="259"/>
      <c r="H51" s="259"/>
      <c r="I51" s="259"/>
      <c r="J51" s="259"/>
      <c r="K51" s="259"/>
      <c r="L51" s="259"/>
      <c r="M51" s="259"/>
      <c r="N51" s="259"/>
      <c r="O51" s="259"/>
      <c r="P51" s="259"/>
      <c r="Q51" s="259"/>
      <c r="R51" s="259"/>
      <c r="S51" s="259"/>
      <c r="T51" s="259"/>
      <c r="U51" s="299"/>
      <c r="V51" s="259"/>
      <c r="W51" s="259"/>
      <c r="X51" s="259"/>
      <c r="Y51" s="300"/>
    </row>
    <row r="52" spans="1:37" x14ac:dyDescent="0.15">
      <c r="A52" s="2"/>
      <c r="B52" s="290" t="s">
        <v>280</v>
      </c>
      <c r="E52" s="323"/>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row>
    <row r="53" spans="1:37" x14ac:dyDescent="0.15">
      <c r="A53" s="2"/>
      <c r="B53" s="290" t="s">
        <v>281</v>
      </c>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row>
    <row r="122" spans="3:7" x14ac:dyDescent="0.15">
      <c r="C122" s="259"/>
      <c r="D122" s="259"/>
      <c r="E122" s="259"/>
      <c r="F122" s="259"/>
      <c r="G122" s="259"/>
    </row>
    <row r="123" spans="3:7" x14ac:dyDescent="0.15">
      <c r="C123" s="297"/>
    </row>
  </sheetData>
  <mergeCells count="25">
    <mergeCell ref="D45:F45"/>
    <mergeCell ref="G45:S45"/>
    <mergeCell ref="D46:F46"/>
    <mergeCell ref="G46:S46"/>
    <mergeCell ref="C50:T50"/>
    <mergeCell ref="D44:F44"/>
    <mergeCell ref="G44:S44"/>
    <mergeCell ref="D15:K15"/>
    <mergeCell ref="L15:N15"/>
    <mergeCell ref="C19:T19"/>
    <mergeCell ref="E23:R23"/>
    <mergeCell ref="E24:R24"/>
    <mergeCell ref="E25:R25"/>
    <mergeCell ref="C26:D26"/>
    <mergeCell ref="E26:T26"/>
    <mergeCell ref="D32:M32"/>
    <mergeCell ref="D36:M36"/>
    <mergeCell ref="D40:M40"/>
    <mergeCell ref="B4:Y4"/>
    <mergeCell ref="B6:F6"/>
    <mergeCell ref="G6:Y6"/>
    <mergeCell ref="B7:F7"/>
    <mergeCell ref="B8:F9"/>
    <mergeCell ref="H8:Y8"/>
    <mergeCell ref="H9:Y9"/>
  </mergeCells>
  <phoneticPr fontId="1"/>
  <dataValidations count="1">
    <dataValidation type="list" allowBlank="1" showInputMessage="1" showErrorMessage="1" sqref="G7:G9 L7 Q7 V40 X40 V50 X50 V17 X17 X21 X19 V19 V21 X48 AB49 V48 Z49">
      <formula1>"□,■"</formula1>
    </dataValidation>
  </dataValidations>
  <pageMargins left="0.7" right="0.7" top="0.75" bottom="0.75" header="0.3" footer="0.3"/>
  <pageSetup paperSize="9" scale="92" orientation="portrait" r:id="rId1"/>
  <colBreaks count="1" manualBreakCount="1">
    <brk id="27" max="1048575" man="1"/>
  </colBreaks>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AB123"/>
  <sheetViews>
    <sheetView view="pageBreakPreview" zoomScale="70" zoomScaleNormal="100" zoomScaleSheetLayoutView="70" workbookViewId="0">
      <selection activeCell="AI24" sqref="AI24"/>
    </sheetView>
  </sheetViews>
  <sheetFormatPr defaultColWidth="4" defaultRowHeight="13.5" x14ac:dyDescent="0.15"/>
  <cols>
    <col min="1" max="1" width="1.5" style="382" customWidth="1"/>
    <col min="2" max="2" width="2.375" style="382" customWidth="1"/>
    <col min="3" max="3" width="1.125" style="382" customWidth="1"/>
    <col min="4" max="4" width="4" style="379"/>
    <col min="5" max="20" width="4" style="382"/>
    <col min="21" max="21" width="2.375" style="382" customWidth="1"/>
    <col min="22" max="22" width="4" style="382"/>
    <col min="23" max="23" width="2.25" style="382" customWidth="1"/>
    <col min="24" max="24" width="4" style="382"/>
    <col min="25" max="25" width="2.375" style="382" customWidth="1"/>
    <col min="26" max="26" width="1.5" style="382" customWidth="1"/>
    <col min="27" max="256" width="4" style="382"/>
    <col min="257" max="257" width="1.5" style="382" customWidth="1"/>
    <col min="258" max="258" width="2.375" style="382" customWidth="1"/>
    <col min="259" max="259" width="1.125" style="382" customWidth="1"/>
    <col min="260" max="276" width="4" style="382"/>
    <col min="277" max="277" width="2.375" style="382" customWidth="1"/>
    <col min="278" max="278" width="4" style="382"/>
    <col min="279" max="279" width="2.25" style="382" customWidth="1"/>
    <col min="280" max="280" width="4" style="382"/>
    <col min="281" max="281" width="2.375" style="382" customWidth="1"/>
    <col min="282" max="282" width="1.5" style="382" customWidth="1"/>
    <col min="283" max="512" width="4" style="382"/>
    <col min="513" max="513" width="1.5" style="382" customWidth="1"/>
    <col min="514" max="514" width="2.375" style="382" customWidth="1"/>
    <col min="515" max="515" width="1.125" style="382" customWidth="1"/>
    <col min="516" max="532" width="4" style="382"/>
    <col min="533" max="533" width="2.375" style="382" customWidth="1"/>
    <col min="534" max="534" width="4" style="382"/>
    <col min="535" max="535" width="2.25" style="382" customWidth="1"/>
    <col min="536" max="536" width="4" style="382"/>
    <col min="537" max="537" width="2.375" style="382" customWidth="1"/>
    <col min="538" max="538" width="1.5" style="382" customWidth="1"/>
    <col min="539" max="768" width="4" style="382"/>
    <col min="769" max="769" width="1.5" style="382" customWidth="1"/>
    <col min="770" max="770" width="2.375" style="382" customWidth="1"/>
    <col min="771" max="771" width="1.125" style="382" customWidth="1"/>
    <col min="772" max="788" width="4" style="382"/>
    <col min="789" max="789" width="2.375" style="382" customWidth="1"/>
    <col min="790" max="790" width="4" style="382"/>
    <col min="791" max="791" width="2.25" style="382" customWidth="1"/>
    <col min="792" max="792" width="4" style="382"/>
    <col min="793" max="793" width="2.375" style="382" customWidth="1"/>
    <col min="794" max="794" width="1.5" style="382" customWidth="1"/>
    <col min="795" max="1024" width="4" style="382"/>
    <col min="1025" max="1025" width="1.5" style="382" customWidth="1"/>
    <col min="1026" max="1026" width="2.375" style="382" customWidth="1"/>
    <col min="1027" max="1027" width="1.125" style="382" customWidth="1"/>
    <col min="1028" max="1044" width="4" style="382"/>
    <col min="1045" max="1045" width="2.375" style="382" customWidth="1"/>
    <col min="1046" max="1046" width="4" style="382"/>
    <col min="1047" max="1047" width="2.25" style="382" customWidth="1"/>
    <col min="1048" max="1048" width="4" style="382"/>
    <col min="1049" max="1049" width="2.375" style="382" customWidth="1"/>
    <col min="1050" max="1050" width="1.5" style="382" customWidth="1"/>
    <col min="1051" max="1280" width="4" style="382"/>
    <col min="1281" max="1281" width="1.5" style="382" customWidth="1"/>
    <col min="1282" max="1282" width="2.375" style="382" customWidth="1"/>
    <col min="1283" max="1283" width="1.125" style="382" customWidth="1"/>
    <col min="1284" max="1300" width="4" style="382"/>
    <col min="1301" max="1301" width="2.375" style="382" customWidth="1"/>
    <col min="1302" max="1302" width="4" style="382"/>
    <col min="1303" max="1303" width="2.25" style="382" customWidth="1"/>
    <col min="1304" max="1304" width="4" style="382"/>
    <col min="1305" max="1305" width="2.375" style="382" customWidth="1"/>
    <col min="1306" max="1306" width="1.5" style="382" customWidth="1"/>
    <col min="1307" max="1536" width="4" style="382"/>
    <col min="1537" max="1537" width="1.5" style="382" customWidth="1"/>
    <col min="1538" max="1538" width="2.375" style="382" customWidth="1"/>
    <col min="1539" max="1539" width="1.125" style="382" customWidth="1"/>
    <col min="1540" max="1556" width="4" style="382"/>
    <col min="1557" max="1557" width="2.375" style="382" customWidth="1"/>
    <col min="1558" max="1558" width="4" style="382"/>
    <col min="1559" max="1559" width="2.25" style="382" customWidth="1"/>
    <col min="1560" max="1560" width="4" style="382"/>
    <col min="1561" max="1561" width="2.375" style="382" customWidth="1"/>
    <col min="1562" max="1562" width="1.5" style="382" customWidth="1"/>
    <col min="1563" max="1792" width="4" style="382"/>
    <col min="1793" max="1793" width="1.5" style="382" customWidth="1"/>
    <col min="1794" max="1794" width="2.375" style="382" customWidth="1"/>
    <col min="1795" max="1795" width="1.125" style="382" customWidth="1"/>
    <col min="1796" max="1812" width="4" style="382"/>
    <col min="1813" max="1813" width="2.375" style="382" customWidth="1"/>
    <col min="1814" max="1814" width="4" style="382"/>
    <col min="1815" max="1815" width="2.25" style="382" customWidth="1"/>
    <col min="1816" max="1816" width="4" style="382"/>
    <col min="1817" max="1817" width="2.375" style="382" customWidth="1"/>
    <col min="1818" max="1818" width="1.5" style="382" customWidth="1"/>
    <col min="1819" max="2048" width="4" style="382"/>
    <col min="2049" max="2049" width="1.5" style="382" customWidth="1"/>
    <col min="2050" max="2050" width="2.375" style="382" customWidth="1"/>
    <col min="2051" max="2051" width="1.125" style="382" customWidth="1"/>
    <col min="2052" max="2068" width="4" style="382"/>
    <col min="2069" max="2069" width="2.375" style="382" customWidth="1"/>
    <col min="2070" max="2070" width="4" style="382"/>
    <col min="2071" max="2071" width="2.25" style="382" customWidth="1"/>
    <col min="2072" max="2072" width="4" style="382"/>
    <col min="2073" max="2073" width="2.375" style="382" customWidth="1"/>
    <col min="2074" max="2074" width="1.5" style="382" customWidth="1"/>
    <col min="2075" max="2304" width="4" style="382"/>
    <col min="2305" max="2305" width="1.5" style="382" customWidth="1"/>
    <col min="2306" max="2306" width="2.375" style="382" customWidth="1"/>
    <col min="2307" max="2307" width="1.125" style="382" customWidth="1"/>
    <col min="2308" max="2324" width="4" style="382"/>
    <col min="2325" max="2325" width="2.375" style="382" customWidth="1"/>
    <col min="2326" max="2326" width="4" style="382"/>
    <col min="2327" max="2327" width="2.25" style="382" customWidth="1"/>
    <col min="2328" max="2328" width="4" style="382"/>
    <col min="2329" max="2329" width="2.375" style="382" customWidth="1"/>
    <col min="2330" max="2330" width="1.5" style="382" customWidth="1"/>
    <col min="2331" max="2560" width="4" style="382"/>
    <col min="2561" max="2561" width="1.5" style="382" customWidth="1"/>
    <col min="2562" max="2562" width="2.375" style="382" customWidth="1"/>
    <col min="2563" max="2563" width="1.125" style="382" customWidth="1"/>
    <col min="2564" max="2580" width="4" style="382"/>
    <col min="2581" max="2581" width="2.375" style="382" customWidth="1"/>
    <col min="2582" max="2582" width="4" style="382"/>
    <col min="2583" max="2583" width="2.25" style="382" customWidth="1"/>
    <col min="2584" max="2584" width="4" style="382"/>
    <col min="2585" max="2585" width="2.375" style="382" customWidth="1"/>
    <col min="2586" max="2586" width="1.5" style="382" customWidth="1"/>
    <col min="2587" max="2816" width="4" style="382"/>
    <col min="2817" max="2817" width="1.5" style="382" customWidth="1"/>
    <col min="2818" max="2818" width="2.375" style="382" customWidth="1"/>
    <col min="2819" max="2819" width="1.125" style="382" customWidth="1"/>
    <col min="2820" max="2836" width="4" style="382"/>
    <col min="2837" max="2837" width="2.375" style="382" customWidth="1"/>
    <col min="2838" max="2838" width="4" style="382"/>
    <col min="2839" max="2839" width="2.25" style="382" customWidth="1"/>
    <col min="2840" max="2840" width="4" style="382"/>
    <col min="2841" max="2841" width="2.375" style="382" customWidth="1"/>
    <col min="2842" max="2842" width="1.5" style="382" customWidth="1"/>
    <col min="2843" max="3072" width="4" style="382"/>
    <col min="3073" max="3073" width="1.5" style="382" customWidth="1"/>
    <col min="3074" max="3074" width="2.375" style="382" customWidth="1"/>
    <col min="3075" max="3075" width="1.125" style="382" customWidth="1"/>
    <col min="3076" max="3092" width="4" style="382"/>
    <col min="3093" max="3093" width="2.375" style="382" customWidth="1"/>
    <col min="3094" max="3094" width="4" style="382"/>
    <col min="3095" max="3095" width="2.25" style="382" customWidth="1"/>
    <col min="3096" max="3096" width="4" style="382"/>
    <col min="3097" max="3097" width="2.375" style="382" customWidth="1"/>
    <col min="3098" max="3098" width="1.5" style="382" customWidth="1"/>
    <col min="3099" max="3328" width="4" style="382"/>
    <col min="3329" max="3329" width="1.5" style="382" customWidth="1"/>
    <col min="3330" max="3330" width="2.375" style="382" customWidth="1"/>
    <col min="3331" max="3331" width="1.125" style="382" customWidth="1"/>
    <col min="3332" max="3348" width="4" style="382"/>
    <col min="3349" max="3349" width="2.375" style="382" customWidth="1"/>
    <col min="3350" max="3350" width="4" style="382"/>
    <col min="3351" max="3351" width="2.25" style="382" customWidth="1"/>
    <col min="3352" max="3352" width="4" style="382"/>
    <col min="3353" max="3353" width="2.375" style="382" customWidth="1"/>
    <col min="3354" max="3354" width="1.5" style="382" customWidth="1"/>
    <col min="3355" max="3584" width="4" style="382"/>
    <col min="3585" max="3585" width="1.5" style="382" customWidth="1"/>
    <col min="3586" max="3586" width="2.375" style="382" customWidth="1"/>
    <col min="3587" max="3587" width="1.125" style="382" customWidth="1"/>
    <col min="3588" max="3604" width="4" style="382"/>
    <col min="3605" max="3605" width="2.375" style="382" customWidth="1"/>
    <col min="3606" max="3606" width="4" style="382"/>
    <col min="3607" max="3607" width="2.25" style="382" customWidth="1"/>
    <col min="3608" max="3608" width="4" style="382"/>
    <col min="3609" max="3609" width="2.375" style="382" customWidth="1"/>
    <col min="3610" max="3610" width="1.5" style="382" customWidth="1"/>
    <col min="3611" max="3840" width="4" style="382"/>
    <col min="3841" max="3841" width="1.5" style="382" customWidth="1"/>
    <col min="3842" max="3842" width="2.375" style="382" customWidth="1"/>
    <col min="3843" max="3843" width="1.125" style="382" customWidth="1"/>
    <col min="3844" max="3860" width="4" style="382"/>
    <col min="3861" max="3861" width="2.375" style="382" customWidth="1"/>
    <col min="3862" max="3862" width="4" style="382"/>
    <col min="3863" max="3863" width="2.25" style="382" customWidth="1"/>
    <col min="3864" max="3864" width="4" style="382"/>
    <col min="3865" max="3865" width="2.375" style="382" customWidth="1"/>
    <col min="3866" max="3866" width="1.5" style="382" customWidth="1"/>
    <col min="3867" max="4096" width="4" style="382"/>
    <col min="4097" max="4097" width="1.5" style="382" customWidth="1"/>
    <col min="4098" max="4098" width="2.375" style="382" customWidth="1"/>
    <col min="4099" max="4099" width="1.125" style="382" customWidth="1"/>
    <col min="4100" max="4116" width="4" style="382"/>
    <col min="4117" max="4117" width="2.375" style="382" customWidth="1"/>
    <col min="4118" max="4118" width="4" style="382"/>
    <col min="4119" max="4119" width="2.25" style="382" customWidth="1"/>
    <col min="4120" max="4120" width="4" style="382"/>
    <col min="4121" max="4121" width="2.375" style="382" customWidth="1"/>
    <col min="4122" max="4122" width="1.5" style="382" customWidth="1"/>
    <col min="4123" max="4352" width="4" style="382"/>
    <col min="4353" max="4353" width="1.5" style="382" customWidth="1"/>
    <col min="4354" max="4354" width="2.375" style="382" customWidth="1"/>
    <col min="4355" max="4355" width="1.125" style="382" customWidth="1"/>
    <col min="4356" max="4372" width="4" style="382"/>
    <col min="4373" max="4373" width="2.375" style="382" customWidth="1"/>
    <col min="4374" max="4374" width="4" style="382"/>
    <col min="4375" max="4375" width="2.25" style="382" customWidth="1"/>
    <col min="4376" max="4376" width="4" style="382"/>
    <col min="4377" max="4377" width="2.375" style="382" customWidth="1"/>
    <col min="4378" max="4378" width="1.5" style="382" customWidth="1"/>
    <col min="4379" max="4608" width="4" style="382"/>
    <col min="4609" max="4609" width="1.5" style="382" customWidth="1"/>
    <col min="4610" max="4610" width="2.375" style="382" customWidth="1"/>
    <col min="4611" max="4611" width="1.125" style="382" customWidth="1"/>
    <col min="4612" max="4628" width="4" style="382"/>
    <col min="4629" max="4629" width="2.375" style="382" customWidth="1"/>
    <col min="4630" max="4630" width="4" style="382"/>
    <col min="4631" max="4631" width="2.25" style="382" customWidth="1"/>
    <col min="4632" max="4632" width="4" style="382"/>
    <col min="4633" max="4633" width="2.375" style="382" customWidth="1"/>
    <col min="4634" max="4634" width="1.5" style="382" customWidth="1"/>
    <col min="4635" max="4864" width="4" style="382"/>
    <col min="4865" max="4865" width="1.5" style="382" customWidth="1"/>
    <col min="4866" max="4866" width="2.375" style="382" customWidth="1"/>
    <col min="4867" max="4867" width="1.125" style="382" customWidth="1"/>
    <col min="4868" max="4884" width="4" style="382"/>
    <col min="4885" max="4885" width="2.375" style="382" customWidth="1"/>
    <col min="4886" max="4886" width="4" style="382"/>
    <col min="4887" max="4887" width="2.25" style="382" customWidth="1"/>
    <col min="4888" max="4888" width="4" style="382"/>
    <col min="4889" max="4889" width="2.375" style="382" customWidth="1"/>
    <col min="4890" max="4890" width="1.5" style="382" customWidth="1"/>
    <col min="4891" max="5120" width="4" style="382"/>
    <col min="5121" max="5121" width="1.5" style="382" customWidth="1"/>
    <col min="5122" max="5122" width="2.375" style="382" customWidth="1"/>
    <col min="5123" max="5123" width="1.125" style="382" customWidth="1"/>
    <col min="5124" max="5140" width="4" style="382"/>
    <col min="5141" max="5141" width="2.375" style="382" customWidth="1"/>
    <col min="5142" max="5142" width="4" style="382"/>
    <col min="5143" max="5143" width="2.25" style="382" customWidth="1"/>
    <col min="5144" max="5144" width="4" style="382"/>
    <col min="5145" max="5145" width="2.375" style="382" customWidth="1"/>
    <col min="5146" max="5146" width="1.5" style="382" customWidth="1"/>
    <col min="5147" max="5376" width="4" style="382"/>
    <col min="5377" max="5377" width="1.5" style="382" customWidth="1"/>
    <col min="5378" max="5378" width="2.375" style="382" customWidth="1"/>
    <col min="5379" max="5379" width="1.125" style="382" customWidth="1"/>
    <col min="5380" max="5396" width="4" style="382"/>
    <col min="5397" max="5397" width="2.375" style="382" customWidth="1"/>
    <col min="5398" max="5398" width="4" style="382"/>
    <col min="5399" max="5399" width="2.25" style="382" customWidth="1"/>
    <col min="5400" max="5400" width="4" style="382"/>
    <col min="5401" max="5401" width="2.375" style="382" customWidth="1"/>
    <col min="5402" max="5402" width="1.5" style="382" customWidth="1"/>
    <col min="5403" max="5632" width="4" style="382"/>
    <col min="5633" max="5633" width="1.5" style="382" customWidth="1"/>
    <col min="5634" max="5634" width="2.375" style="382" customWidth="1"/>
    <col min="5635" max="5635" width="1.125" style="382" customWidth="1"/>
    <col min="5636" max="5652" width="4" style="382"/>
    <col min="5653" max="5653" width="2.375" style="382" customWidth="1"/>
    <col min="5654" max="5654" width="4" style="382"/>
    <col min="5655" max="5655" width="2.25" style="382" customWidth="1"/>
    <col min="5656" max="5656" width="4" style="382"/>
    <col min="5657" max="5657" width="2.375" style="382" customWidth="1"/>
    <col min="5658" max="5658" width="1.5" style="382" customWidth="1"/>
    <col min="5659" max="5888" width="4" style="382"/>
    <col min="5889" max="5889" width="1.5" style="382" customWidth="1"/>
    <col min="5890" max="5890" width="2.375" style="382" customWidth="1"/>
    <col min="5891" max="5891" width="1.125" style="382" customWidth="1"/>
    <col min="5892" max="5908" width="4" style="382"/>
    <col min="5909" max="5909" width="2.375" style="382" customWidth="1"/>
    <col min="5910" max="5910" width="4" style="382"/>
    <col min="5911" max="5911" width="2.25" style="382" customWidth="1"/>
    <col min="5912" max="5912" width="4" style="382"/>
    <col min="5913" max="5913" width="2.375" style="382" customWidth="1"/>
    <col min="5914" max="5914" width="1.5" style="382" customWidth="1"/>
    <col min="5915" max="6144" width="4" style="382"/>
    <col min="6145" max="6145" width="1.5" style="382" customWidth="1"/>
    <col min="6146" max="6146" width="2.375" style="382" customWidth="1"/>
    <col min="6147" max="6147" width="1.125" style="382" customWidth="1"/>
    <col min="6148" max="6164" width="4" style="382"/>
    <col min="6165" max="6165" width="2.375" style="382" customWidth="1"/>
    <col min="6166" max="6166" width="4" style="382"/>
    <col min="6167" max="6167" width="2.25" style="382" customWidth="1"/>
    <col min="6168" max="6168" width="4" style="382"/>
    <col min="6169" max="6169" width="2.375" style="382" customWidth="1"/>
    <col min="6170" max="6170" width="1.5" style="382" customWidth="1"/>
    <col min="6171" max="6400" width="4" style="382"/>
    <col min="6401" max="6401" width="1.5" style="382" customWidth="1"/>
    <col min="6402" max="6402" width="2.375" style="382" customWidth="1"/>
    <col min="6403" max="6403" width="1.125" style="382" customWidth="1"/>
    <col min="6404" max="6420" width="4" style="382"/>
    <col min="6421" max="6421" width="2.375" style="382" customWidth="1"/>
    <col min="6422" max="6422" width="4" style="382"/>
    <col min="6423" max="6423" width="2.25" style="382" customWidth="1"/>
    <col min="6424" max="6424" width="4" style="382"/>
    <col min="6425" max="6425" width="2.375" style="382" customWidth="1"/>
    <col min="6426" max="6426" width="1.5" style="382" customWidth="1"/>
    <col min="6427" max="6656" width="4" style="382"/>
    <col min="6657" max="6657" width="1.5" style="382" customWidth="1"/>
    <col min="6658" max="6658" width="2.375" style="382" customWidth="1"/>
    <col min="6659" max="6659" width="1.125" style="382" customWidth="1"/>
    <col min="6660" max="6676" width="4" style="382"/>
    <col min="6677" max="6677" width="2.375" style="382" customWidth="1"/>
    <col min="6678" max="6678" width="4" style="382"/>
    <col min="6679" max="6679" width="2.25" style="382" customWidth="1"/>
    <col min="6680" max="6680" width="4" style="382"/>
    <col min="6681" max="6681" width="2.375" style="382" customWidth="1"/>
    <col min="6682" max="6682" width="1.5" style="382" customWidth="1"/>
    <col min="6683" max="6912" width="4" style="382"/>
    <col min="6913" max="6913" width="1.5" style="382" customWidth="1"/>
    <col min="6914" max="6914" width="2.375" style="382" customWidth="1"/>
    <col min="6915" max="6915" width="1.125" style="382" customWidth="1"/>
    <col min="6916" max="6932" width="4" style="382"/>
    <col min="6933" max="6933" width="2.375" style="382" customWidth="1"/>
    <col min="6934" max="6934" width="4" style="382"/>
    <col min="6935" max="6935" width="2.25" style="382" customWidth="1"/>
    <col min="6936" max="6936" width="4" style="382"/>
    <col min="6937" max="6937" width="2.375" style="382" customWidth="1"/>
    <col min="6938" max="6938" width="1.5" style="382" customWidth="1"/>
    <col min="6939" max="7168" width="4" style="382"/>
    <col min="7169" max="7169" width="1.5" style="382" customWidth="1"/>
    <col min="7170" max="7170" width="2.375" style="382" customWidth="1"/>
    <col min="7171" max="7171" width="1.125" style="382" customWidth="1"/>
    <col min="7172" max="7188" width="4" style="382"/>
    <col min="7189" max="7189" width="2.375" style="382" customWidth="1"/>
    <col min="7190" max="7190" width="4" style="382"/>
    <col min="7191" max="7191" width="2.25" style="382" customWidth="1"/>
    <col min="7192" max="7192" width="4" style="382"/>
    <col min="7193" max="7193" width="2.375" style="382" customWidth="1"/>
    <col min="7194" max="7194" width="1.5" style="382" customWidth="1"/>
    <col min="7195" max="7424" width="4" style="382"/>
    <col min="7425" max="7425" width="1.5" style="382" customWidth="1"/>
    <col min="7426" max="7426" width="2.375" style="382" customWidth="1"/>
    <col min="7427" max="7427" width="1.125" style="382" customWidth="1"/>
    <col min="7428" max="7444" width="4" style="382"/>
    <col min="7445" max="7445" width="2.375" style="382" customWidth="1"/>
    <col min="7446" max="7446" width="4" style="382"/>
    <col min="7447" max="7447" width="2.25" style="382" customWidth="1"/>
    <col min="7448" max="7448" width="4" style="382"/>
    <col min="7449" max="7449" width="2.375" style="382" customWidth="1"/>
    <col min="7450" max="7450" width="1.5" style="382" customWidth="1"/>
    <col min="7451" max="7680" width="4" style="382"/>
    <col min="7681" max="7681" width="1.5" style="382" customWidth="1"/>
    <col min="7682" max="7682" width="2.375" style="382" customWidth="1"/>
    <col min="7683" max="7683" width="1.125" style="382" customWidth="1"/>
    <col min="7684" max="7700" width="4" style="382"/>
    <col min="7701" max="7701" width="2.375" style="382" customWidth="1"/>
    <col min="7702" max="7702" width="4" style="382"/>
    <col min="7703" max="7703" width="2.25" style="382" customWidth="1"/>
    <col min="7704" max="7704" width="4" style="382"/>
    <col min="7705" max="7705" width="2.375" style="382" customWidth="1"/>
    <col min="7706" max="7706" width="1.5" style="382" customWidth="1"/>
    <col min="7707" max="7936" width="4" style="382"/>
    <col min="7937" max="7937" width="1.5" style="382" customWidth="1"/>
    <col min="7938" max="7938" width="2.375" style="382" customWidth="1"/>
    <col min="7939" max="7939" width="1.125" style="382" customWidth="1"/>
    <col min="7940" max="7956" width="4" style="382"/>
    <col min="7957" max="7957" width="2.375" style="382" customWidth="1"/>
    <col min="7958" max="7958" width="4" style="382"/>
    <col min="7959" max="7959" width="2.25" style="382" customWidth="1"/>
    <col min="7960" max="7960" width="4" style="382"/>
    <col min="7961" max="7961" width="2.375" style="382" customWidth="1"/>
    <col min="7962" max="7962" width="1.5" style="382" customWidth="1"/>
    <col min="7963" max="8192" width="4" style="382"/>
    <col min="8193" max="8193" width="1.5" style="382" customWidth="1"/>
    <col min="8194" max="8194" width="2.375" style="382" customWidth="1"/>
    <col min="8195" max="8195" width="1.125" style="382" customWidth="1"/>
    <col min="8196" max="8212" width="4" style="382"/>
    <col min="8213" max="8213" width="2.375" style="382" customWidth="1"/>
    <col min="8214" max="8214" width="4" style="382"/>
    <col min="8215" max="8215" width="2.25" style="382" customWidth="1"/>
    <col min="8216" max="8216" width="4" style="382"/>
    <col min="8217" max="8217" width="2.375" style="382" customWidth="1"/>
    <col min="8218" max="8218" width="1.5" style="382" customWidth="1"/>
    <col min="8219" max="8448" width="4" style="382"/>
    <col min="8449" max="8449" width="1.5" style="382" customWidth="1"/>
    <col min="8450" max="8450" width="2.375" style="382" customWidth="1"/>
    <col min="8451" max="8451" width="1.125" style="382" customWidth="1"/>
    <col min="8452" max="8468" width="4" style="382"/>
    <col min="8469" max="8469" width="2.375" style="382" customWidth="1"/>
    <col min="8470" max="8470" width="4" style="382"/>
    <col min="8471" max="8471" width="2.25" style="382" customWidth="1"/>
    <col min="8472" max="8472" width="4" style="382"/>
    <col min="8473" max="8473" width="2.375" style="382" customWidth="1"/>
    <col min="8474" max="8474" width="1.5" style="382" customWidth="1"/>
    <col min="8475" max="8704" width="4" style="382"/>
    <col min="8705" max="8705" width="1.5" style="382" customWidth="1"/>
    <col min="8706" max="8706" width="2.375" style="382" customWidth="1"/>
    <col min="8707" max="8707" width="1.125" style="382" customWidth="1"/>
    <col min="8708" max="8724" width="4" style="382"/>
    <col min="8725" max="8725" width="2.375" style="382" customWidth="1"/>
    <col min="8726" max="8726" width="4" style="382"/>
    <col min="8727" max="8727" width="2.25" style="382" customWidth="1"/>
    <col min="8728" max="8728" width="4" style="382"/>
    <col min="8729" max="8729" width="2.375" style="382" customWidth="1"/>
    <col min="8730" max="8730" width="1.5" style="382" customWidth="1"/>
    <col min="8731" max="8960" width="4" style="382"/>
    <col min="8961" max="8961" width="1.5" style="382" customWidth="1"/>
    <col min="8962" max="8962" width="2.375" style="382" customWidth="1"/>
    <col min="8963" max="8963" width="1.125" style="382" customWidth="1"/>
    <col min="8964" max="8980" width="4" style="382"/>
    <col min="8981" max="8981" width="2.375" style="382" customWidth="1"/>
    <col min="8982" max="8982" width="4" style="382"/>
    <col min="8983" max="8983" width="2.25" style="382" customWidth="1"/>
    <col min="8984" max="8984" width="4" style="382"/>
    <col min="8985" max="8985" width="2.375" style="382" customWidth="1"/>
    <col min="8986" max="8986" width="1.5" style="382" customWidth="1"/>
    <col min="8987" max="9216" width="4" style="382"/>
    <col min="9217" max="9217" width="1.5" style="382" customWidth="1"/>
    <col min="9218" max="9218" width="2.375" style="382" customWidth="1"/>
    <col min="9219" max="9219" width="1.125" style="382" customWidth="1"/>
    <col min="9220" max="9236" width="4" style="382"/>
    <col min="9237" max="9237" width="2.375" style="382" customWidth="1"/>
    <col min="9238" max="9238" width="4" style="382"/>
    <col min="9239" max="9239" width="2.25" style="382" customWidth="1"/>
    <col min="9240" max="9240" width="4" style="382"/>
    <col min="9241" max="9241" width="2.375" style="382" customWidth="1"/>
    <col min="9242" max="9242" width="1.5" style="382" customWidth="1"/>
    <col min="9243" max="9472" width="4" style="382"/>
    <col min="9473" max="9473" width="1.5" style="382" customWidth="1"/>
    <col min="9474" max="9474" width="2.375" style="382" customWidth="1"/>
    <col min="9475" max="9475" width="1.125" style="382" customWidth="1"/>
    <col min="9476" max="9492" width="4" style="382"/>
    <col min="9493" max="9493" width="2.375" style="382" customWidth="1"/>
    <col min="9494" max="9494" width="4" style="382"/>
    <col min="9495" max="9495" width="2.25" style="382" customWidth="1"/>
    <col min="9496" max="9496" width="4" style="382"/>
    <col min="9497" max="9497" width="2.375" style="382" customWidth="1"/>
    <col min="9498" max="9498" width="1.5" style="382" customWidth="1"/>
    <col min="9499" max="9728" width="4" style="382"/>
    <col min="9729" max="9729" width="1.5" style="382" customWidth="1"/>
    <col min="9730" max="9730" width="2.375" style="382" customWidth="1"/>
    <col min="9731" max="9731" width="1.125" style="382" customWidth="1"/>
    <col min="9732" max="9748" width="4" style="382"/>
    <col min="9749" max="9749" width="2.375" style="382" customWidth="1"/>
    <col min="9750" max="9750" width="4" style="382"/>
    <col min="9751" max="9751" width="2.25" style="382" customWidth="1"/>
    <col min="9752" max="9752" width="4" style="382"/>
    <col min="9753" max="9753" width="2.375" style="382" customWidth="1"/>
    <col min="9754" max="9754" width="1.5" style="382" customWidth="1"/>
    <col min="9755" max="9984" width="4" style="382"/>
    <col min="9985" max="9985" width="1.5" style="382" customWidth="1"/>
    <col min="9986" max="9986" width="2.375" style="382" customWidth="1"/>
    <col min="9987" max="9987" width="1.125" style="382" customWidth="1"/>
    <col min="9988" max="10004" width="4" style="382"/>
    <col min="10005" max="10005" width="2.375" style="382" customWidth="1"/>
    <col min="10006" max="10006" width="4" style="382"/>
    <col min="10007" max="10007" width="2.25" style="382" customWidth="1"/>
    <col min="10008" max="10008" width="4" style="382"/>
    <col min="10009" max="10009" width="2.375" style="382" customWidth="1"/>
    <col min="10010" max="10010" width="1.5" style="382" customWidth="1"/>
    <col min="10011" max="10240" width="4" style="382"/>
    <col min="10241" max="10241" width="1.5" style="382" customWidth="1"/>
    <col min="10242" max="10242" width="2.375" style="382" customWidth="1"/>
    <col min="10243" max="10243" width="1.125" style="382" customWidth="1"/>
    <col min="10244" max="10260" width="4" style="382"/>
    <col min="10261" max="10261" width="2.375" style="382" customWidth="1"/>
    <col min="10262" max="10262" width="4" style="382"/>
    <col min="10263" max="10263" width="2.25" style="382" customWidth="1"/>
    <col min="10264" max="10264" width="4" style="382"/>
    <col min="10265" max="10265" width="2.375" style="382" customWidth="1"/>
    <col min="10266" max="10266" width="1.5" style="382" customWidth="1"/>
    <col min="10267" max="10496" width="4" style="382"/>
    <col min="10497" max="10497" width="1.5" style="382" customWidth="1"/>
    <col min="10498" max="10498" width="2.375" style="382" customWidth="1"/>
    <col min="10499" max="10499" width="1.125" style="382" customWidth="1"/>
    <col min="10500" max="10516" width="4" style="382"/>
    <col min="10517" max="10517" width="2.375" style="382" customWidth="1"/>
    <col min="10518" max="10518" width="4" style="382"/>
    <col min="10519" max="10519" width="2.25" style="382" customWidth="1"/>
    <col min="10520" max="10520" width="4" style="382"/>
    <col min="10521" max="10521" width="2.375" style="382" customWidth="1"/>
    <col min="10522" max="10522" width="1.5" style="382" customWidth="1"/>
    <col min="10523" max="10752" width="4" style="382"/>
    <col min="10753" max="10753" width="1.5" style="382" customWidth="1"/>
    <col min="10754" max="10754" width="2.375" style="382" customWidth="1"/>
    <col min="10755" max="10755" width="1.125" style="382" customWidth="1"/>
    <col min="10756" max="10772" width="4" style="382"/>
    <col min="10773" max="10773" width="2.375" style="382" customWidth="1"/>
    <col min="10774" max="10774" width="4" style="382"/>
    <col min="10775" max="10775" width="2.25" style="382" customWidth="1"/>
    <col min="10776" max="10776" width="4" style="382"/>
    <col min="10777" max="10777" width="2.375" style="382" customWidth="1"/>
    <col min="10778" max="10778" width="1.5" style="382" customWidth="1"/>
    <col min="10779" max="11008" width="4" style="382"/>
    <col min="11009" max="11009" width="1.5" style="382" customWidth="1"/>
    <col min="11010" max="11010" width="2.375" style="382" customWidth="1"/>
    <col min="11011" max="11011" width="1.125" style="382" customWidth="1"/>
    <col min="11012" max="11028" width="4" style="382"/>
    <col min="11029" max="11029" width="2.375" style="382" customWidth="1"/>
    <col min="11030" max="11030" width="4" style="382"/>
    <col min="11031" max="11031" width="2.25" style="382" customWidth="1"/>
    <col min="11032" max="11032" width="4" style="382"/>
    <col min="11033" max="11033" width="2.375" style="382" customWidth="1"/>
    <col min="11034" max="11034" width="1.5" style="382" customWidth="1"/>
    <col min="11035" max="11264" width="4" style="382"/>
    <col min="11265" max="11265" width="1.5" style="382" customWidth="1"/>
    <col min="11266" max="11266" width="2.375" style="382" customWidth="1"/>
    <col min="11267" max="11267" width="1.125" style="382" customWidth="1"/>
    <col min="11268" max="11284" width="4" style="382"/>
    <col min="11285" max="11285" width="2.375" style="382" customWidth="1"/>
    <col min="11286" max="11286" width="4" style="382"/>
    <col min="11287" max="11287" width="2.25" style="382" customWidth="1"/>
    <col min="11288" max="11288" width="4" style="382"/>
    <col min="11289" max="11289" width="2.375" style="382" customWidth="1"/>
    <col min="11290" max="11290" width="1.5" style="382" customWidth="1"/>
    <col min="11291" max="11520" width="4" style="382"/>
    <col min="11521" max="11521" width="1.5" style="382" customWidth="1"/>
    <col min="11522" max="11522" width="2.375" style="382" customWidth="1"/>
    <col min="11523" max="11523" width="1.125" style="382" customWidth="1"/>
    <col min="11524" max="11540" width="4" style="382"/>
    <col min="11541" max="11541" width="2.375" style="382" customWidth="1"/>
    <col min="11542" max="11542" width="4" style="382"/>
    <col min="11543" max="11543" width="2.25" style="382" customWidth="1"/>
    <col min="11544" max="11544" width="4" style="382"/>
    <col min="11545" max="11545" width="2.375" style="382" customWidth="1"/>
    <col min="11546" max="11546" width="1.5" style="382" customWidth="1"/>
    <col min="11547" max="11776" width="4" style="382"/>
    <col min="11777" max="11777" width="1.5" style="382" customWidth="1"/>
    <col min="11778" max="11778" width="2.375" style="382" customWidth="1"/>
    <col min="11779" max="11779" width="1.125" style="382" customWidth="1"/>
    <col min="11780" max="11796" width="4" style="382"/>
    <col min="11797" max="11797" width="2.375" style="382" customWidth="1"/>
    <col min="11798" max="11798" width="4" style="382"/>
    <col min="11799" max="11799" width="2.25" style="382" customWidth="1"/>
    <col min="11800" max="11800" width="4" style="382"/>
    <col min="11801" max="11801" width="2.375" style="382" customWidth="1"/>
    <col min="11802" max="11802" width="1.5" style="382" customWidth="1"/>
    <col min="11803" max="12032" width="4" style="382"/>
    <col min="12033" max="12033" width="1.5" style="382" customWidth="1"/>
    <col min="12034" max="12034" width="2.375" style="382" customWidth="1"/>
    <col min="12035" max="12035" width="1.125" style="382" customWidth="1"/>
    <col min="12036" max="12052" width="4" style="382"/>
    <col min="12053" max="12053" width="2.375" style="382" customWidth="1"/>
    <col min="12054" max="12054" width="4" style="382"/>
    <col min="12055" max="12055" width="2.25" style="382" customWidth="1"/>
    <col min="12056" max="12056" width="4" style="382"/>
    <col min="12057" max="12057" width="2.375" style="382" customWidth="1"/>
    <col min="12058" max="12058" width="1.5" style="382" customWidth="1"/>
    <col min="12059" max="12288" width="4" style="382"/>
    <col min="12289" max="12289" width="1.5" style="382" customWidth="1"/>
    <col min="12290" max="12290" width="2.375" style="382" customWidth="1"/>
    <col min="12291" max="12291" width="1.125" style="382" customWidth="1"/>
    <col min="12292" max="12308" width="4" style="382"/>
    <col min="12309" max="12309" width="2.375" style="382" customWidth="1"/>
    <col min="12310" max="12310" width="4" style="382"/>
    <col min="12311" max="12311" width="2.25" style="382" customWidth="1"/>
    <col min="12312" max="12312" width="4" style="382"/>
    <col min="12313" max="12313" width="2.375" style="382" customWidth="1"/>
    <col min="12314" max="12314" width="1.5" style="382" customWidth="1"/>
    <col min="12315" max="12544" width="4" style="382"/>
    <col min="12545" max="12545" width="1.5" style="382" customWidth="1"/>
    <col min="12546" max="12546" width="2.375" style="382" customWidth="1"/>
    <col min="12547" max="12547" width="1.125" style="382" customWidth="1"/>
    <col min="12548" max="12564" width="4" style="382"/>
    <col min="12565" max="12565" width="2.375" style="382" customWidth="1"/>
    <col min="12566" max="12566" width="4" style="382"/>
    <col min="12567" max="12567" width="2.25" style="382" customWidth="1"/>
    <col min="12568" max="12568" width="4" style="382"/>
    <col min="12569" max="12569" width="2.375" style="382" customWidth="1"/>
    <col min="12570" max="12570" width="1.5" style="382" customWidth="1"/>
    <col min="12571" max="12800" width="4" style="382"/>
    <col min="12801" max="12801" width="1.5" style="382" customWidth="1"/>
    <col min="12802" max="12802" width="2.375" style="382" customWidth="1"/>
    <col min="12803" max="12803" width="1.125" style="382" customWidth="1"/>
    <col min="12804" max="12820" width="4" style="382"/>
    <col min="12821" max="12821" width="2.375" style="382" customWidth="1"/>
    <col min="12822" max="12822" width="4" style="382"/>
    <col min="12823" max="12823" width="2.25" style="382" customWidth="1"/>
    <col min="12824" max="12824" width="4" style="382"/>
    <col min="12825" max="12825" width="2.375" style="382" customWidth="1"/>
    <col min="12826" max="12826" width="1.5" style="382" customWidth="1"/>
    <col min="12827" max="13056" width="4" style="382"/>
    <col min="13057" max="13057" width="1.5" style="382" customWidth="1"/>
    <col min="13058" max="13058" width="2.375" style="382" customWidth="1"/>
    <col min="13059" max="13059" width="1.125" style="382" customWidth="1"/>
    <col min="13060" max="13076" width="4" style="382"/>
    <col min="13077" max="13077" width="2.375" style="382" customWidth="1"/>
    <col min="13078" max="13078" width="4" style="382"/>
    <col min="13079" max="13079" width="2.25" style="382" customWidth="1"/>
    <col min="13080" max="13080" width="4" style="382"/>
    <col min="13081" max="13081" width="2.375" style="382" customWidth="1"/>
    <col min="13082" max="13082" width="1.5" style="382" customWidth="1"/>
    <col min="13083" max="13312" width="4" style="382"/>
    <col min="13313" max="13313" width="1.5" style="382" customWidth="1"/>
    <col min="13314" max="13314" width="2.375" style="382" customWidth="1"/>
    <col min="13315" max="13315" width="1.125" style="382" customWidth="1"/>
    <col min="13316" max="13332" width="4" style="382"/>
    <col min="13333" max="13333" width="2.375" style="382" customWidth="1"/>
    <col min="13334" max="13334" width="4" style="382"/>
    <col min="13335" max="13335" width="2.25" style="382" customWidth="1"/>
    <col min="13336" max="13336" width="4" style="382"/>
    <col min="13337" max="13337" width="2.375" style="382" customWidth="1"/>
    <col min="13338" max="13338" width="1.5" style="382" customWidth="1"/>
    <col min="13339" max="13568" width="4" style="382"/>
    <col min="13569" max="13569" width="1.5" style="382" customWidth="1"/>
    <col min="13570" max="13570" width="2.375" style="382" customWidth="1"/>
    <col min="13571" max="13571" width="1.125" style="382" customWidth="1"/>
    <col min="13572" max="13588" width="4" style="382"/>
    <col min="13589" max="13589" width="2.375" style="382" customWidth="1"/>
    <col min="13590" max="13590" width="4" style="382"/>
    <col min="13591" max="13591" width="2.25" style="382" customWidth="1"/>
    <col min="13592" max="13592" width="4" style="382"/>
    <col min="13593" max="13593" width="2.375" style="382" customWidth="1"/>
    <col min="13594" max="13594" width="1.5" style="382" customWidth="1"/>
    <col min="13595" max="13824" width="4" style="382"/>
    <col min="13825" max="13825" width="1.5" style="382" customWidth="1"/>
    <col min="13826" max="13826" width="2.375" style="382" customWidth="1"/>
    <col min="13827" max="13827" width="1.125" style="382" customWidth="1"/>
    <col min="13828" max="13844" width="4" style="382"/>
    <col min="13845" max="13845" width="2.375" style="382" customWidth="1"/>
    <col min="13846" max="13846" width="4" style="382"/>
    <col min="13847" max="13847" width="2.25" style="382" customWidth="1"/>
    <col min="13848" max="13848" width="4" style="382"/>
    <col min="13849" max="13849" width="2.375" style="382" customWidth="1"/>
    <col min="13850" max="13850" width="1.5" style="382" customWidth="1"/>
    <col min="13851" max="14080" width="4" style="382"/>
    <col min="14081" max="14081" width="1.5" style="382" customWidth="1"/>
    <col min="14082" max="14082" width="2.375" style="382" customWidth="1"/>
    <col min="14083" max="14083" width="1.125" style="382" customWidth="1"/>
    <col min="14084" max="14100" width="4" style="382"/>
    <col min="14101" max="14101" width="2.375" style="382" customWidth="1"/>
    <col min="14102" max="14102" width="4" style="382"/>
    <col min="14103" max="14103" width="2.25" style="382" customWidth="1"/>
    <col min="14104" max="14104" width="4" style="382"/>
    <col min="14105" max="14105" width="2.375" style="382" customWidth="1"/>
    <col min="14106" max="14106" width="1.5" style="382" customWidth="1"/>
    <col min="14107" max="14336" width="4" style="382"/>
    <col min="14337" max="14337" width="1.5" style="382" customWidth="1"/>
    <col min="14338" max="14338" width="2.375" style="382" customWidth="1"/>
    <col min="14339" max="14339" width="1.125" style="382" customWidth="1"/>
    <col min="14340" max="14356" width="4" style="382"/>
    <col min="14357" max="14357" width="2.375" style="382" customWidth="1"/>
    <col min="14358" max="14358" width="4" style="382"/>
    <col min="14359" max="14359" width="2.25" style="382" customWidth="1"/>
    <col min="14360" max="14360" width="4" style="382"/>
    <col min="14361" max="14361" width="2.375" style="382" customWidth="1"/>
    <col min="14362" max="14362" width="1.5" style="382" customWidth="1"/>
    <col min="14363" max="14592" width="4" style="382"/>
    <col min="14593" max="14593" width="1.5" style="382" customWidth="1"/>
    <col min="14594" max="14594" width="2.375" style="382" customWidth="1"/>
    <col min="14595" max="14595" width="1.125" style="382" customWidth="1"/>
    <col min="14596" max="14612" width="4" style="382"/>
    <col min="14613" max="14613" width="2.375" style="382" customWidth="1"/>
    <col min="14614" max="14614" width="4" style="382"/>
    <col min="14615" max="14615" width="2.25" style="382" customWidth="1"/>
    <col min="14616" max="14616" width="4" style="382"/>
    <col min="14617" max="14617" width="2.375" style="382" customWidth="1"/>
    <col min="14618" max="14618" width="1.5" style="382" customWidth="1"/>
    <col min="14619" max="14848" width="4" style="382"/>
    <col min="14849" max="14849" width="1.5" style="382" customWidth="1"/>
    <col min="14850" max="14850" width="2.375" style="382" customWidth="1"/>
    <col min="14851" max="14851" width="1.125" style="382" customWidth="1"/>
    <col min="14852" max="14868" width="4" style="382"/>
    <col min="14869" max="14869" width="2.375" style="382" customWidth="1"/>
    <col min="14870" max="14870" width="4" style="382"/>
    <col min="14871" max="14871" width="2.25" style="382" customWidth="1"/>
    <col min="14872" max="14872" width="4" style="382"/>
    <col min="14873" max="14873" width="2.375" style="382" customWidth="1"/>
    <col min="14874" max="14874" width="1.5" style="382" customWidth="1"/>
    <col min="14875" max="15104" width="4" style="382"/>
    <col min="15105" max="15105" width="1.5" style="382" customWidth="1"/>
    <col min="15106" max="15106" width="2.375" style="382" customWidth="1"/>
    <col min="15107" max="15107" width="1.125" style="382" customWidth="1"/>
    <col min="15108" max="15124" width="4" style="382"/>
    <col min="15125" max="15125" width="2.375" style="382" customWidth="1"/>
    <col min="15126" max="15126" width="4" style="382"/>
    <col min="15127" max="15127" width="2.25" style="382" customWidth="1"/>
    <col min="15128" max="15128" width="4" style="382"/>
    <col min="15129" max="15129" width="2.375" style="382" customWidth="1"/>
    <col min="15130" max="15130" width="1.5" style="382" customWidth="1"/>
    <col min="15131" max="15360" width="4" style="382"/>
    <col min="15361" max="15361" width="1.5" style="382" customWidth="1"/>
    <col min="15362" max="15362" width="2.375" style="382" customWidth="1"/>
    <col min="15363" max="15363" width="1.125" style="382" customWidth="1"/>
    <col min="15364" max="15380" width="4" style="382"/>
    <col min="15381" max="15381" width="2.375" style="382" customWidth="1"/>
    <col min="15382" max="15382" width="4" style="382"/>
    <col min="15383" max="15383" width="2.25" style="382" customWidth="1"/>
    <col min="15384" max="15384" width="4" style="382"/>
    <col min="15385" max="15385" width="2.375" style="382" customWidth="1"/>
    <col min="15386" max="15386" width="1.5" style="382" customWidth="1"/>
    <col min="15387" max="15616" width="4" style="382"/>
    <col min="15617" max="15617" width="1.5" style="382" customWidth="1"/>
    <col min="15618" max="15618" width="2.375" style="382" customWidth="1"/>
    <col min="15619" max="15619" width="1.125" style="382" customWidth="1"/>
    <col min="15620" max="15636" width="4" style="382"/>
    <col min="15637" max="15637" width="2.375" style="382" customWidth="1"/>
    <col min="15638" max="15638" width="4" style="382"/>
    <col min="15639" max="15639" width="2.25" style="382" customWidth="1"/>
    <col min="15640" max="15640" width="4" style="382"/>
    <col min="15641" max="15641" width="2.375" style="382" customWidth="1"/>
    <col min="15642" max="15642" width="1.5" style="382" customWidth="1"/>
    <col min="15643" max="15872" width="4" style="382"/>
    <col min="15873" max="15873" width="1.5" style="382" customWidth="1"/>
    <col min="15874" max="15874" width="2.375" style="382" customWidth="1"/>
    <col min="15875" max="15875" width="1.125" style="382" customWidth="1"/>
    <col min="15876" max="15892" width="4" style="382"/>
    <col min="15893" max="15893" width="2.375" style="382" customWidth="1"/>
    <col min="15894" max="15894" width="4" style="382"/>
    <col min="15895" max="15895" width="2.25" style="382" customWidth="1"/>
    <col min="15896" max="15896" width="4" style="382"/>
    <col min="15897" max="15897" width="2.375" style="382" customWidth="1"/>
    <col min="15898" max="15898" width="1.5" style="382" customWidth="1"/>
    <col min="15899" max="16128" width="4" style="382"/>
    <col min="16129" max="16129" width="1.5" style="382" customWidth="1"/>
    <col min="16130" max="16130" width="2.375" style="382" customWidth="1"/>
    <col min="16131" max="16131" width="1.125" style="382" customWidth="1"/>
    <col min="16132" max="16148" width="4" style="382"/>
    <col min="16149" max="16149" width="2.375" style="382" customWidth="1"/>
    <col min="16150" max="16150" width="4" style="382"/>
    <col min="16151" max="16151" width="2.25" style="382" customWidth="1"/>
    <col min="16152" max="16152" width="4" style="382"/>
    <col min="16153" max="16153" width="2.375" style="382" customWidth="1"/>
    <col min="16154" max="16154" width="1.5" style="382" customWidth="1"/>
    <col min="16155" max="16384" width="4" style="382"/>
  </cols>
  <sheetData>
    <row r="2" spans="2:28" x14ac:dyDescent="0.15">
      <c r="B2" s="734" t="s">
        <v>282</v>
      </c>
      <c r="C2" s="735"/>
      <c r="D2" s="736"/>
      <c r="E2" s="735"/>
      <c r="F2"/>
      <c r="G2"/>
      <c r="H2"/>
      <c r="I2"/>
      <c r="J2"/>
      <c r="K2"/>
      <c r="L2"/>
      <c r="M2"/>
      <c r="N2"/>
      <c r="O2"/>
      <c r="P2"/>
      <c r="Q2"/>
      <c r="R2"/>
      <c r="S2"/>
      <c r="T2"/>
      <c r="U2"/>
      <c r="V2"/>
      <c r="W2"/>
      <c r="X2"/>
      <c r="Y2"/>
    </row>
    <row r="4" spans="2:28" x14ac:dyDescent="0.15">
      <c r="B4" s="392" t="s">
        <v>283</v>
      </c>
      <c r="C4" s="392"/>
      <c r="D4" s="392"/>
      <c r="E4" s="392"/>
      <c r="F4" s="392"/>
      <c r="G4" s="392"/>
      <c r="H4" s="392"/>
      <c r="I4" s="392"/>
      <c r="J4" s="392"/>
      <c r="K4" s="392"/>
      <c r="L4" s="392"/>
      <c r="M4" s="392"/>
      <c r="N4" s="392"/>
      <c r="O4" s="392"/>
      <c r="P4" s="392"/>
      <c r="Q4" s="392"/>
      <c r="R4" s="392"/>
      <c r="S4" s="392"/>
      <c r="T4" s="392"/>
      <c r="U4" s="392"/>
      <c r="V4" s="392"/>
      <c r="W4" s="392"/>
      <c r="X4" s="392"/>
      <c r="Y4" s="392"/>
    </row>
    <row r="6" spans="2:28" ht="23.25" customHeight="1" x14ac:dyDescent="0.15">
      <c r="B6" s="393" t="s">
        <v>115</v>
      </c>
      <c r="C6" s="393"/>
      <c r="D6" s="393"/>
      <c r="E6" s="393"/>
      <c r="F6" s="393"/>
      <c r="G6" s="394"/>
      <c r="H6" s="395"/>
      <c r="I6" s="395"/>
      <c r="J6" s="395"/>
      <c r="K6" s="395"/>
      <c r="L6" s="395"/>
      <c r="M6" s="395"/>
      <c r="N6" s="395"/>
      <c r="O6" s="395"/>
      <c r="P6" s="395"/>
      <c r="Q6" s="395"/>
      <c r="R6" s="395"/>
      <c r="S6" s="395"/>
      <c r="T6" s="395"/>
      <c r="U6" s="395"/>
      <c r="V6" s="395"/>
      <c r="W6" s="395"/>
      <c r="X6" s="395"/>
      <c r="Y6" s="396"/>
    </row>
    <row r="7" spans="2:28" ht="23.25" customHeight="1" x14ac:dyDescent="0.15">
      <c r="B7" s="393" t="s">
        <v>116</v>
      </c>
      <c r="C7" s="393"/>
      <c r="D7" s="393"/>
      <c r="E7" s="393"/>
      <c r="F7" s="393"/>
      <c r="G7" s="374" t="s">
        <v>0</v>
      </c>
      <c r="H7" s="391" t="s">
        <v>87</v>
      </c>
      <c r="I7" s="391"/>
      <c r="J7" s="391"/>
      <c r="K7" s="391"/>
      <c r="L7" s="374" t="s">
        <v>0</v>
      </c>
      <c r="M7" s="391" t="s">
        <v>88</v>
      </c>
      <c r="N7" s="391"/>
      <c r="O7" s="391"/>
      <c r="P7" s="391"/>
      <c r="Q7" s="374" t="s">
        <v>0</v>
      </c>
      <c r="R7" s="391" t="s">
        <v>89</v>
      </c>
      <c r="S7" s="391"/>
      <c r="T7" s="391"/>
      <c r="U7" s="391"/>
      <c r="V7" s="391"/>
      <c r="W7" s="380"/>
      <c r="X7" s="380"/>
      <c r="Y7" s="381"/>
    </row>
    <row r="9" spans="2:28" x14ac:dyDescent="0.15">
      <c r="B9" s="386"/>
      <c r="C9" s="387"/>
      <c r="D9" s="375"/>
      <c r="E9" s="387"/>
      <c r="F9" s="387"/>
      <c r="G9" s="387"/>
      <c r="H9" s="387"/>
      <c r="I9" s="387"/>
      <c r="J9" s="387"/>
      <c r="K9" s="387"/>
      <c r="L9" s="387"/>
      <c r="M9" s="387"/>
      <c r="N9" s="387"/>
      <c r="O9" s="387"/>
      <c r="P9" s="387"/>
      <c r="Q9" s="387"/>
      <c r="R9" s="387"/>
      <c r="S9" s="387"/>
      <c r="T9" s="388"/>
      <c r="U9" s="387"/>
      <c r="V9" s="387"/>
      <c r="W9" s="387"/>
      <c r="X9" s="387"/>
      <c r="Y9" s="388"/>
      <c r="Z9"/>
      <c r="AA9"/>
      <c r="AB9"/>
    </row>
    <row r="10" spans="2:28" x14ac:dyDescent="0.15">
      <c r="B10" s="385" t="s">
        <v>284</v>
      </c>
      <c r="T10" s="384"/>
      <c r="V10" s="94" t="s">
        <v>94</v>
      </c>
      <c r="W10" s="94" t="s">
        <v>95</v>
      </c>
      <c r="X10" s="94" t="s">
        <v>96</v>
      </c>
      <c r="Y10" s="384"/>
      <c r="Z10"/>
      <c r="AA10"/>
      <c r="AB10"/>
    </row>
    <row r="11" spans="2:28" x14ac:dyDescent="0.15">
      <c r="B11" s="385"/>
      <c r="T11" s="384"/>
      <c r="Y11" s="384"/>
      <c r="Z11"/>
      <c r="AA11"/>
      <c r="AB11"/>
    </row>
    <row r="12" spans="2:28" s="738" customFormat="1" ht="17.25" customHeight="1" x14ac:dyDescent="0.15">
      <c r="B12" s="737"/>
      <c r="D12" s="739" t="s">
        <v>180</v>
      </c>
      <c r="E12" s="741" t="s">
        <v>1070</v>
      </c>
      <c r="F12" s="741"/>
      <c r="G12" s="741"/>
      <c r="H12" s="741"/>
      <c r="I12" s="741"/>
      <c r="J12" s="741"/>
      <c r="K12" s="741"/>
      <c r="L12" s="741"/>
      <c r="M12" s="741"/>
      <c r="N12" s="741"/>
      <c r="O12" s="741"/>
      <c r="P12" s="741"/>
      <c r="Q12" s="741"/>
      <c r="R12" s="741"/>
      <c r="S12" s="741"/>
      <c r="T12" s="742"/>
      <c r="U12" s="734"/>
      <c r="V12" s="739" t="s">
        <v>0</v>
      </c>
      <c r="W12" s="739" t="s">
        <v>95</v>
      </c>
      <c r="X12" s="739" t="s">
        <v>0</v>
      </c>
      <c r="Y12" s="740"/>
    </row>
    <row r="13" spans="2:28" ht="10.5" customHeight="1" x14ac:dyDescent="0.15">
      <c r="B13" s="385"/>
      <c r="T13" s="384"/>
      <c r="V13" s="379"/>
      <c r="W13" s="379"/>
      <c r="X13" s="379"/>
      <c r="Y13" s="383"/>
    </row>
    <row r="14" spans="2:28" ht="30.75" customHeight="1" x14ac:dyDescent="0.15">
      <c r="B14" s="385"/>
      <c r="D14" s="379" t="s">
        <v>182</v>
      </c>
      <c r="E14" s="407" t="s">
        <v>285</v>
      </c>
      <c r="F14" s="407"/>
      <c r="G14" s="407"/>
      <c r="H14" s="407"/>
      <c r="I14" s="407"/>
      <c r="J14" s="407"/>
      <c r="K14" s="407"/>
      <c r="L14" s="407"/>
      <c r="M14" s="407"/>
      <c r="N14" s="407"/>
      <c r="O14" s="407"/>
      <c r="P14" s="407"/>
      <c r="Q14" s="407"/>
      <c r="R14" s="407"/>
      <c r="S14" s="407"/>
      <c r="T14" s="458"/>
      <c r="V14" s="379" t="s">
        <v>0</v>
      </c>
      <c r="W14" s="379" t="s">
        <v>95</v>
      </c>
      <c r="X14" s="379" t="s">
        <v>0</v>
      </c>
      <c r="Y14" s="88"/>
    </row>
    <row r="15" spans="2:28" ht="9" customHeight="1" x14ac:dyDescent="0.15">
      <c r="B15" s="385"/>
      <c r="T15" s="384"/>
      <c r="V15" s="379"/>
      <c r="W15" s="379"/>
      <c r="X15" s="379"/>
      <c r="Y15" s="383"/>
    </row>
    <row r="16" spans="2:28" ht="41.25" customHeight="1" x14ac:dyDescent="0.15">
      <c r="B16" s="385"/>
      <c r="D16" s="379" t="s">
        <v>264</v>
      </c>
      <c r="E16" s="407" t="s">
        <v>286</v>
      </c>
      <c r="F16" s="407"/>
      <c r="G16" s="407"/>
      <c r="H16" s="407"/>
      <c r="I16" s="407"/>
      <c r="J16" s="407"/>
      <c r="K16" s="407"/>
      <c r="L16" s="407"/>
      <c r="M16" s="407"/>
      <c r="N16" s="407"/>
      <c r="O16" s="407"/>
      <c r="P16" s="407"/>
      <c r="Q16" s="407"/>
      <c r="R16" s="407"/>
      <c r="S16" s="407"/>
      <c r="T16" s="458"/>
      <c r="V16" s="379" t="s">
        <v>0</v>
      </c>
      <c r="W16" s="379" t="s">
        <v>95</v>
      </c>
      <c r="X16" s="379" t="s">
        <v>0</v>
      </c>
      <c r="Y16" s="88"/>
    </row>
    <row r="17" spans="2:28" ht="7.5" customHeight="1" x14ac:dyDescent="0.15">
      <c r="B17" s="385"/>
      <c r="T17" s="384"/>
      <c r="V17" s="2"/>
      <c r="W17" s="2"/>
      <c r="X17" s="2"/>
      <c r="Y17" s="88"/>
    </row>
    <row r="18" spans="2:28" ht="17.25" customHeight="1" x14ac:dyDescent="0.15">
      <c r="B18" s="385"/>
      <c r="D18" s="379" t="s">
        <v>266</v>
      </c>
      <c r="E18" s="493" t="s">
        <v>265</v>
      </c>
      <c r="F18" s="493"/>
      <c r="G18" s="493"/>
      <c r="H18" s="493"/>
      <c r="I18" s="493"/>
      <c r="J18" s="493"/>
      <c r="K18" s="493"/>
      <c r="L18" s="493"/>
      <c r="M18" s="493"/>
      <c r="N18" s="493"/>
      <c r="O18" s="493"/>
      <c r="P18" s="493"/>
      <c r="Q18" s="493"/>
      <c r="R18" s="493"/>
      <c r="S18" s="493"/>
      <c r="T18" s="494"/>
      <c r="V18" s="379" t="s">
        <v>0</v>
      </c>
      <c r="W18" s="379" t="s">
        <v>95</v>
      </c>
      <c r="X18" s="379" t="s">
        <v>0</v>
      </c>
      <c r="Y18" s="88"/>
    </row>
    <row r="19" spans="2:28" ht="6.75" customHeight="1" x14ac:dyDescent="0.15">
      <c r="B19" s="385"/>
      <c r="T19" s="384"/>
      <c r="Y19" s="384"/>
    </row>
    <row r="20" spans="2:28" ht="36" customHeight="1" x14ac:dyDescent="0.15">
      <c r="B20" s="385"/>
      <c r="D20" s="379" t="s">
        <v>273</v>
      </c>
      <c r="E20" s="407" t="s">
        <v>287</v>
      </c>
      <c r="F20" s="407"/>
      <c r="G20" s="407"/>
      <c r="H20" s="407"/>
      <c r="I20" s="407"/>
      <c r="J20" s="407"/>
      <c r="K20" s="407"/>
      <c r="L20" s="407"/>
      <c r="M20" s="407"/>
      <c r="N20" s="407"/>
      <c r="O20" s="407"/>
      <c r="P20" s="407"/>
      <c r="Q20" s="407"/>
      <c r="R20" s="407"/>
      <c r="S20" s="407"/>
      <c r="T20" s="458"/>
      <c r="V20" s="379" t="s">
        <v>0</v>
      </c>
      <c r="W20" s="379" t="s">
        <v>95</v>
      </c>
      <c r="X20" s="379" t="s">
        <v>0</v>
      </c>
      <c r="Y20" s="88"/>
    </row>
    <row r="21" spans="2:28" ht="6.75" customHeight="1" x14ac:dyDescent="0.15">
      <c r="B21" s="389"/>
      <c r="C21" s="377"/>
      <c r="D21" s="376"/>
      <c r="E21" s="377"/>
      <c r="F21" s="377"/>
      <c r="G21" s="377"/>
      <c r="H21" s="377"/>
      <c r="I21" s="377"/>
      <c r="J21" s="377"/>
      <c r="K21" s="377"/>
      <c r="L21" s="377"/>
      <c r="M21" s="377"/>
      <c r="N21" s="377"/>
      <c r="O21" s="377"/>
      <c r="P21" s="377"/>
      <c r="Q21" s="377"/>
      <c r="R21" s="377"/>
      <c r="S21" s="377"/>
      <c r="T21" s="390"/>
      <c r="U21" s="377"/>
      <c r="V21" s="377"/>
      <c r="W21" s="377"/>
      <c r="X21" s="377"/>
      <c r="Y21" s="390"/>
    </row>
    <row r="22" spans="2:28" ht="6.75" customHeight="1" x14ac:dyDescent="0.15"/>
    <row r="23" spans="2:28" ht="35.25" customHeight="1" x14ac:dyDescent="0.15">
      <c r="B23" s="392" t="s">
        <v>288</v>
      </c>
      <c r="C23" s="392"/>
      <c r="D23" s="392"/>
      <c r="E23" s="407" t="s">
        <v>289</v>
      </c>
      <c r="F23" s="407"/>
      <c r="G23" s="407"/>
      <c r="H23" s="407"/>
      <c r="I23" s="407"/>
      <c r="J23" s="407"/>
      <c r="K23" s="407"/>
      <c r="L23" s="407"/>
      <c r="M23" s="407"/>
      <c r="N23" s="407"/>
      <c r="O23" s="407"/>
      <c r="P23" s="407"/>
      <c r="Q23" s="407"/>
      <c r="R23" s="407"/>
      <c r="S23" s="407"/>
      <c r="T23" s="407"/>
      <c r="U23" s="407"/>
      <c r="V23" s="407"/>
      <c r="W23" s="407"/>
      <c r="X23" s="407"/>
      <c r="Y23" s="407"/>
    </row>
    <row r="24" spans="2:28" ht="24.75" customHeight="1" x14ac:dyDescent="0.15">
      <c r="B24" s="392" t="s">
        <v>290</v>
      </c>
      <c r="C24" s="392"/>
      <c r="D24" s="392"/>
      <c r="E24" s="407" t="s">
        <v>291</v>
      </c>
      <c r="F24" s="407"/>
      <c r="G24" s="407"/>
      <c r="H24" s="407"/>
      <c r="I24" s="407"/>
      <c r="J24" s="407"/>
      <c r="K24" s="407"/>
      <c r="L24" s="407"/>
      <c r="M24" s="407"/>
      <c r="N24" s="407"/>
      <c r="O24" s="407"/>
      <c r="P24" s="407"/>
      <c r="Q24" s="407"/>
      <c r="R24" s="407"/>
      <c r="S24" s="407"/>
      <c r="T24" s="407"/>
      <c r="U24" s="407"/>
      <c r="V24" s="407"/>
      <c r="W24" s="407"/>
      <c r="X24" s="407"/>
      <c r="Y24" s="407"/>
      <c r="Z24" s="378"/>
    </row>
    <row r="25" spans="2:28" ht="7.5" customHeight="1" x14ac:dyDescent="0.15">
      <c r="K25"/>
      <c r="L25"/>
      <c r="M25"/>
      <c r="N25"/>
      <c r="O25"/>
      <c r="P25"/>
      <c r="Q25"/>
      <c r="R25"/>
      <c r="S25"/>
      <c r="T25"/>
      <c r="U25"/>
      <c r="V25"/>
      <c r="W25"/>
      <c r="X25"/>
      <c r="Y25"/>
      <c r="Z25"/>
      <c r="AA25"/>
      <c r="AB25"/>
    </row>
    <row r="122" spans="3:7" x14ac:dyDescent="0.15">
      <c r="C122" s="377"/>
      <c r="D122" s="376"/>
      <c r="E122" s="377"/>
      <c r="F122" s="377"/>
      <c r="G122" s="377"/>
    </row>
    <row r="123" spans="3:7" x14ac:dyDescent="0.15">
      <c r="C123" s="387"/>
    </row>
  </sheetData>
  <mergeCells count="13">
    <mergeCell ref="E16:T16"/>
    <mergeCell ref="E18:T18"/>
    <mergeCell ref="E20:T20"/>
    <mergeCell ref="B23:D23"/>
    <mergeCell ref="E23:Y23"/>
    <mergeCell ref="B24:D24"/>
    <mergeCell ref="E24:Y24"/>
    <mergeCell ref="B4:Y4"/>
    <mergeCell ref="B6:F6"/>
    <mergeCell ref="G6:Y6"/>
    <mergeCell ref="B7:F7"/>
    <mergeCell ref="E12:T12"/>
    <mergeCell ref="E14:T14"/>
  </mergeCells>
  <phoneticPr fontId="1"/>
  <printOptions horizontalCentered="1"/>
  <pageMargins left="0.70866141732283472" right="0.39370078740157483" top="0.51181102362204722" bottom="0.35433070866141736" header="0.31496062992125984" footer="0.31496062992125984"/>
  <pageSetup paperSize="9" orientation="portrait" r:id="rId1"/>
  <extLst>
    <ext xmlns:x14="http://schemas.microsoft.com/office/spreadsheetml/2009/9/main" uri="{CCE6A557-97BC-4b89-ADB6-D9C93CAAB3DF}">
      <x14:dataValidations xmlns:xm="http://schemas.microsoft.com/office/excel/2006/main" count="1">
        <x14:dataValidation type="list" allowBlank="1" showInputMessage="1" showErrorMessage="1">
          <x14:formula1>
            <xm:f>"□,■"</xm:f>
          </x14:formula1>
          <xm:sqref>L7 JH7 TD7 ACZ7 AMV7 AWR7 BGN7 BQJ7 CAF7 CKB7 CTX7 DDT7 DNP7 DXL7 EHH7 ERD7 FAZ7 FKV7 FUR7 GEN7 GOJ7 GYF7 HIB7 HRX7 IBT7 ILP7 IVL7 JFH7 JPD7 JYZ7 KIV7 KSR7 LCN7 LMJ7 LWF7 MGB7 MPX7 MZT7 NJP7 NTL7 ODH7 OND7 OWZ7 PGV7 PQR7 QAN7 QKJ7 QUF7 REB7 RNX7 RXT7 SHP7 SRL7 TBH7 TLD7 TUZ7 UEV7 UOR7 UYN7 VIJ7 VSF7 WCB7 WLX7 WVT7 L65543 JH65543 TD65543 ACZ65543 AMV65543 AWR65543 BGN65543 BQJ65543 CAF65543 CKB65543 CTX65543 DDT65543 DNP65543 DXL65543 EHH65543 ERD65543 FAZ65543 FKV65543 FUR65543 GEN65543 GOJ65543 GYF65543 HIB65543 HRX65543 IBT65543 ILP65543 IVL65543 JFH65543 JPD65543 JYZ65543 KIV65543 KSR65543 LCN65543 LMJ65543 LWF65543 MGB65543 MPX65543 MZT65543 NJP65543 NTL65543 ODH65543 OND65543 OWZ65543 PGV65543 PQR65543 QAN65543 QKJ65543 QUF65543 REB65543 RNX65543 RXT65543 SHP65543 SRL65543 TBH65543 TLD65543 TUZ65543 UEV65543 UOR65543 UYN65543 VIJ65543 VSF65543 WCB65543 WLX65543 WVT65543 L131079 JH131079 TD131079 ACZ131079 AMV131079 AWR131079 BGN131079 BQJ131079 CAF131079 CKB131079 CTX131079 DDT131079 DNP131079 DXL131079 EHH131079 ERD131079 FAZ131079 FKV131079 FUR131079 GEN131079 GOJ131079 GYF131079 HIB131079 HRX131079 IBT131079 ILP131079 IVL131079 JFH131079 JPD131079 JYZ131079 KIV131079 KSR131079 LCN131079 LMJ131079 LWF131079 MGB131079 MPX131079 MZT131079 NJP131079 NTL131079 ODH131079 OND131079 OWZ131079 PGV131079 PQR131079 QAN131079 QKJ131079 QUF131079 REB131079 RNX131079 RXT131079 SHP131079 SRL131079 TBH131079 TLD131079 TUZ131079 UEV131079 UOR131079 UYN131079 VIJ131079 VSF131079 WCB131079 WLX131079 WVT131079 L196615 JH196615 TD196615 ACZ196615 AMV196615 AWR196615 BGN196615 BQJ196615 CAF196615 CKB196615 CTX196615 DDT196615 DNP196615 DXL196615 EHH196615 ERD196615 FAZ196615 FKV196615 FUR196615 GEN196615 GOJ196615 GYF196615 HIB196615 HRX196615 IBT196615 ILP196615 IVL196615 JFH196615 JPD196615 JYZ196615 KIV196615 KSR196615 LCN196615 LMJ196615 LWF196615 MGB196615 MPX196615 MZT196615 NJP196615 NTL196615 ODH196615 OND196615 OWZ196615 PGV196615 PQR196615 QAN196615 QKJ196615 QUF196615 REB196615 RNX196615 RXT196615 SHP196615 SRL196615 TBH196615 TLD196615 TUZ196615 UEV196615 UOR196615 UYN196615 VIJ196615 VSF196615 WCB196615 WLX196615 WVT196615 L262151 JH262151 TD262151 ACZ262151 AMV262151 AWR262151 BGN262151 BQJ262151 CAF262151 CKB262151 CTX262151 DDT262151 DNP262151 DXL262151 EHH262151 ERD262151 FAZ262151 FKV262151 FUR262151 GEN262151 GOJ262151 GYF262151 HIB262151 HRX262151 IBT262151 ILP262151 IVL262151 JFH262151 JPD262151 JYZ262151 KIV262151 KSR262151 LCN262151 LMJ262151 LWF262151 MGB262151 MPX262151 MZT262151 NJP262151 NTL262151 ODH262151 OND262151 OWZ262151 PGV262151 PQR262151 QAN262151 QKJ262151 QUF262151 REB262151 RNX262151 RXT262151 SHP262151 SRL262151 TBH262151 TLD262151 TUZ262151 UEV262151 UOR262151 UYN262151 VIJ262151 VSF262151 WCB262151 WLX262151 WVT262151 L327687 JH327687 TD327687 ACZ327687 AMV327687 AWR327687 BGN327687 BQJ327687 CAF327687 CKB327687 CTX327687 DDT327687 DNP327687 DXL327687 EHH327687 ERD327687 FAZ327687 FKV327687 FUR327687 GEN327687 GOJ327687 GYF327687 HIB327687 HRX327687 IBT327687 ILP327687 IVL327687 JFH327687 JPD327687 JYZ327687 KIV327687 KSR327687 LCN327687 LMJ327687 LWF327687 MGB327687 MPX327687 MZT327687 NJP327687 NTL327687 ODH327687 OND327687 OWZ327687 PGV327687 PQR327687 QAN327687 QKJ327687 QUF327687 REB327687 RNX327687 RXT327687 SHP327687 SRL327687 TBH327687 TLD327687 TUZ327687 UEV327687 UOR327687 UYN327687 VIJ327687 VSF327687 WCB327687 WLX327687 WVT327687 L393223 JH393223 TD393223 ACZ393223 AMV393223 AWR393223 BGN393223 BQJ393223 CAF393223 CKB393223 CTX393223 DDT393223 DNP393223 DXL393223 EHH393223 ERD393223 FAZ393223 FKV393223 FUR393223 GEN393223 GOJ393223 GYF393223 HIB393223 HRX393223 IBT393223 ILP393223 IVL393223 JFH393223 JPD393223 JYZ393223 KIV393223 KSR393223 LCN393223 LMJ393223 LWF393223 MGB393223 MPX393223 MZT393223 NJP393223 NTL393223 ODH393223 OND393223 OWZ393223 PGV393223 PQR393223 QAN393223 QKJ393223 QUF393223 REB393223 RNX393223 RXT393223 SHP393223 SRL393223 TBH393223 TLD393223 TUZ393223 UEV393223 UOR393223 UYN393223 VIJ393223 VSF393223 WCB393223 WLX393223 WVT393223 L458759 JH458759 TD458759 ACZ458759 AMV458759 AWR458759 BGN458759 BQJ458759 CAF458759 CKB458759 CTX458759 DDT458759 DNP458759 DXL458759 EHH458759 ERD458759 FAZ458759 FKV458759 FUR458759 GEN458759 GOJ458759 GYF458759 HIB458759 HRX458759 IBT458759 ILP458759 IVL458759 JFH458759 JPD458759 JYZ458759 KIV458759 KSR458759 LCN458759 LMJ458759 LWF458759 MGB458759 MPX458759 MZT458759 NJP458759 NTL458759 ODH458759 OND458759 OWZ458759 PGV458759 PQR458759 QAN458759 QKJ458759 QUF458759 REB458759 RNX458759 RXT458759 SHP458759 SRL458759 TBH458759 TLD458759 TUZ458759 UEV458759 UOR458759 UYN458759 VIJ458759 VSF458759 WCB458759 WLX458759 WVT458759 L524295 JH524295 TD524295 ACZ524295 AMV524295 AWR524295 BGN524295 BQJ524295 CAF524295 CKB524295 CTX524295 DDT524295 DNP524295 DXL524295 EHH524295 ERD524295 FAZ524295 FKV524295 FUR524295 GEN524295 GOJ524295 GYF524295 HIB524295 HRX524295 IBT524295 ILP524295 IVL524295 JFH524295 JPD524295 JYZ524295 KIV524295 KSR524295 LCN524295 LMJ524295 LWF524295 MGB524295 MPX524295 MZT524295 NJP524295 NTL524295 ODH524295 OND524295 OWZ524295 PGV524295 PQR524295 QAN524295 QKJ524295 QUF524295 REB524295 RNX524295 RXT524295 SHP524295 SRL524295 TBH524295 TLD524295 TUZ524295 UEV524295 UOR524295 UYN524295 VIJ524295 VSF524295 WCB524295 WLX524295 WVT524295 L589831 JH589831 TD589831 ACZ589831 AMV589831 AWR589831 BGN589831 BQJ589831 CAF589831 CKB589831 CTX589831 DDT589831 DNP589831 DXL589831 EHH589831 ERD589831 FAZ589831 FKV589831 FUR589831 GEN589831 GOJ589831 GYF589831 HIB589831 HRX589831 IBT589831 ILP589831 IVL589831 JFH589831 JPD589831 JYZ589831 KIV589831 KSR589831 LCN589831 LMJ589831 LWF589831 MGB589831 MPX589831 MZT589831 NJP589831 NTL589831 ODH589831 OND589831 OWZ589831 PGV589831 PQR589831 QAN589831 QKJ589831 QUF589831 REB589831 RNX589831 RXT589831 SHP589831 SRL589831 TBH589831 TLD589831 TUZ589831 UEV589831 UOR589831 UYN589831 VIJ589831 VSF589831 WCB589831 WLX589831 WVT589831 L655367 JH655367 TD655367 ACZ655367 AMV655367 AWR655367 BGN655367 BQJ655367 CAF655367 CKB655367 CTX655367 DDT655367 DNP655367 DXL655367 EHH655367 ERD655367 FAZ655367 FKV655367 FUR655367 GEN655367 GOJ655367 GYF655367 HIB655367 HRX655367 IBT655367 ILP655367 IVL655367 JFH655367 JPD655367 JYZ655367 KIV655367 KSR655367 LCN655367 LMJ655367 LWF655367 MGB655367 MPX655367 MZT655367 NJP655367 NTL655367 ODH655367 OND655367 OWZ655367 PGV655367 PQR655367 QAN655367 QKJ655367 QUF655367 REB655367 RNX655367 RXT655367 SHP655367 SRL655367 TBH655367 TLD655367 TUZ655367 UEV655367 UOR655367 UYN655367 VIJ655367 VSF655367 WCB655367 WLX655367 WVT655367 L720903 JH720903 TD720903 ACZ720903 AMV720903 AWR720903 BGN720903 BQJ720903 CAF720903 CKB720903 CTX720903 DDT720903 DNP720903 DXL720903 EHH720903 ERD720903 FAZ720903 FKV720903 FUR720903 GEN720903 GOJ720903 GYF720903 HIB720903 HRX720903 IBT720903 ILP720903 IVL720903 JFH720903 JPD720903 JYZ720903 KIV720903 KSR720903 LCN720903 LMJ720903 LWF720903 MGB720903 MPX720903 MZT720903 NJP720903 NTL720903 ODH720903 OND720903 OWZ720903 PGV720903 PQR720903 QAN720903 QKJ720903 QUF720903 REB720903 RNX720903 RXT720903 SHP720903 SRL720903 TBH720903 TLD720903 TUZ720903 UEV720903 UOR720903 UYN720903 VIJ720903 VSF720903 WCB720903 WLX720903 WVT720903 L786439 JH786439 TD786439 ACZ786439 AMV786439 AWR786439 BGN786439 BQJ786439 CAF786439 CKB786439 CTX786439 DDT786439 DNP786439 DXL786439 EHH786439 ERD786439 FAZ786439 FKV786439 FUR786439 GEN786439 GOJ786439 GYF786439 HIB786439 HRX786439 IBT786439 ILP786439 IVL786439 JFH786439 JPD786439 JYZ786439 KIV786439 KSR786439 LCN786439 LMJ786439 LWF786439 MGB786439 MPX786439 MZT786439 NJP786439 NTL786439 ODH786439 OND786439 OWZ786439 PGV786439 PQR786439 QAN786439 QKJ786439 QUF786439 REB786439 RNX786439 RXT786439 SHP786439 SRL786439 TBH786439 TLD786439 TUZ786439 UEV786439 UOR786439 UYN786439 VIJ786439 VSF786439 WCB786439 WLX786439 WVT786439 L851975 JH851975 TD851975 ACZ851975 AMV851975 AWR851975 BGN851975 BQJ851975 CAF851975 CKB851975 CTX851975 DDT851975 DNP851975 DXL851975 EHH851975 ERD851975 FAZ851975 FKV851975 FUR851975 GEN851975 GOJ851975 GYF851975 HIB851975 HRX851975 IBT851975 ILP851975 IVL851975 JFH851975 JPD851975 JYZ851975 KIV851975 KSR851975 LCN851975 LMJ851975 LWF851975 MGB851975 MPX851975 MZT851975 NJP851975 NTL851975 ODH851975 OND851975 OWZ851975 PGV851975 PQR851975 QAN851975 QKJ851975 QUF851975 REB851975 RNX851975 RXT851975 SHP851975 SRL851975 TBH851975 TLD851975 TUZ851975 UEV851975 UOR851975 UYN851975 VIJ851975 VSF851975 WCB851975 WLX851975 WVT851975 L917511 JH917511 TD917511 ACZ917511 AMV917511 AWR917511 BGN917511 BQJ917511 CAF917511 CKB917511 CTX917511 DDT917511 DNP917511 DXL917511 EHH917511 ERD917511 FAZ917511 FKV917511 FUR917511 GEN917511 GOJ917511 GYF917511 HIB917511 HRX917511 IBT917511 ILP917511 IVL917511 JFH917511 JPD917511 JYZ917511 KIV917511 KSR917511 LCN917511 LMJ917511 LWF917511 MGB917511 MPX917511 MZT917511 NJP917511 NTL917511 ODH917511 OND917511 OWZ917511 PGV917511 PQR917511 QAN917511 QKJ917511 QUF917511 REB917511 RNX917511 RXT917511 SHP917511 SRL917511 TBH917511 TLD917511 TUZ917511 UEV917511 UOR917511 UYN917511 VIJ917511 VSF917511 WCB917511 WLX917511 WVT917511 L983047 JH983047 TD983047 ACZ983047 AMV983047 AWR983047 BGN983047 BQJ983047 CAF983047 CKB983047 CTX983047 DDT983047 DNP983047 DXL983047 EHH983047 ERD983047 FAZ983047 FKV983047 FUR983047 GEN983047 GOJ983047 GYF983047 HIB983047 HRX983047 IBT983047 ILP983047 IVL983047 JFH983047 JPD983047 JYZ983047 KIV983047 KSR983047 LCN983047 LMJ983047 LWF983047 MGB983047 MPX983047 MZT983047 NJP983047 NTL983047 ODH983047 OND983047 OWZ983047 PGV983047 PQR983047 QAN983047 QKJ983047 QUF983047 REB983047 RNX983047 RXT983047 SHP983047 SRL983047 TBH983047 TLD983047 TUZ983047 UEV983047 UOR983047 UYN983047 VIJ983047 VSF983047 WCB983047 WLX983047 WVT983047 Q7 JM7 TI7 ADE7 ANA7 AWW7 BGS7 BQO7 CAK7 CKG7 CUC7 DDY7 DNU7 DXQ7 EHM7 ERI7 FBE7 FLA7 FUW7 GES7 GOO7 GYK7 HIG7 HSC7 IBY7 ILU7 IVQ7 JFM7 JPI7 JZE7 KJA7 KSW7 LCS7 LMO7 LWK7 MGG7 MQC7 MZY7 NJU7 NTQ7 ODM7 ONI7 OXE7 PHA7 PQW7 QAS7 QKO7 QUK7 REG7 ROC7 RXY7 SHU7 SRQ7 TBM7 TLI7 TVE7 UFA7 UOW7 UYS7 VIO7 VSK7 WCG7 WMC7 WVY7 Q65543 JM65543 TI65543 ADE65543 ANA65543 AWW65543 BGS65543 BQO65543 CAK65543 CKG65543 CUC65543 DDY65543 DNU65543 DXQ65543 EHM65543 ERI65543 FBE65543 FLA65543 FUW65543 GES65543 GOO65543 GYK65543 HIG65543 HSC65543 IBY65543 ILU65543 IVQ65543 JFM65543 JPI65543 JZE65543 KJA65543 KSW65543 LCS65543 LMO65543 LWK65543 MGG65543 MQC65543 MZY65543 NJU65543 NTQ65543 ODM65543 ONI65543 OXE65543 PHA65543 PQW65543 QAS65543 QKO65543 QUK65543 REG65543 ROC65543 RXY65543 SHU65543 SRQ65543 TBM65543 TLI65543 TVE65543 UFA65543 UOW65543 UYS65543 VIO65543 VSK65543 WCG65543 WMC65543 WVY65543 Q131079 JM131079 TI131079 ADE131079 ANA131079 AWW131079 BGS131079 BQO131079 CAK131079 CKG131079 CUC131079 DDY131079 DNU131079 DXQ131079 EHM131079 ERI131079 FBE131079 FLA131079 FUW131079 GES131079 GOO131079 GYK131079 HIG131079 HSC131079 IBY131079 ILU131079 IVQ131079 JFM131079 JPI131079 JZE131079 KJA131079 KSW131079 LCS131079 LMO131079 LWK131079 MGG131079 MQC131079 MZY131079 NJU131079 NTQ131079 ODM131079 ONI131079 OXE131079 PHA131079 PQW131079 QAS131079 QKO131079 QUK131079 REG131079 ROC131079 RXY131079 SHU131079 SRQ131079 TBM131079 TLI131079 TVE131079 UFA131079 UOW131079 UYS131079 VIO131079 VSK131079 WCG131079 WMC131079 WVY131079 Q196615 JM196615 TI196615 ADE196615 ANA196615 AWW196615 BGS196615 BQO196615 CAK196615 CKG196615 CUC196615 DDY196615 DNU196615 DXQ196615 EHM196615 ERI196615 FBE196615 FLA196615 FUW196615 GES196615 GOO196615 GYK196615 HIG196615 HSC196615 IBY196615 ILU196615 IVQ196615 JFM196615 JPI196615 JZE196615 KJA196615 KSW196615 LCS196615 LMO196615 LWK196615 MGG196615 MQC196615 MZY196615 NJU196615 NTQ196615 ODM196615 ONI196615 OXE196615 PHA196615 PQW196615 QAS196615 QKO196615 QUK196615 REG196615 ROC196615 RXY196615 SHU196615 SRQ196615 TBM196615 TLI196615 TVE196615 UFA196615 UOW196615 UYS196615 VIO196615 VSK196615 WCG196615 WMC196615 WVY196615 Q262151 JM262151 TI262151 ADE262151 ANA262151 AWW262151 BGS262151 BQO262151 CAK262151 CKG262151 CUC262151 DDY262151 DNU262151 DXQ262151 EHM262151 ERI262151 FBE262151 FLA262151 FUW262151 GES262151 GOO262151 GYK262151 HIG262151 HSC262151 IBY262151 ILU262151 IVQ262151 JFM262151 JPI262151 JZE262151 KJA262151 KSW262151 LCS262151 LMO262151 LWK262151 MGG262151 MQC262151 MZY262151 NJU262151 NTQ262151 ODM262151 ONI262151 OXE262151 PHA262151 PQW262151 QAS262151 QKO262151 QUK262151 REG262151 ROC262151 RXY262151 SHU262151 SRQ262151 TBM262151 TLI262151 TVE262151 UFA262151 UOW262151 UYS262151 VIO262151 VSK262151 WCG262151 WMC262151 WVY262151 Q327687 JM327687 TI327687 ADE327687 ANA327687 AWW327687 BGS327687 BQO327687 CAK327687 CKG327687 CUC327687 DDY327687 DNU327687 DXQ327687 EHM327687 ERI327687 FBE327687 FLA327687 FUW327687 GES327687 GOO327687 GYK327687 HIG327687 HSC327687 IBY327687 ILU327687 IVQ327687 JFM327687 JPI327687 JZE327687 KJA327687 KSW327687 LCS327687 LMO327687 LWK327687 MGG327687 MQC327687 MZY327687 NJU327687 NTQ327687 ODM327687 ONI327687 OXE327687 PHA327687 PQW327687 QAS327687 QKO327687 QUK327687 REG327687 ROC327687 RXY327687 SHU327687 SRQ327687 TBM327687 TLI327687 TVE327687 UFA327687 UOW327687 UYS327687 VIO327687 VSK327687 WCG327687 WMC327687 WVY327687 Q393223 JM393223 TI393223 ADE393223 ANA393223 AWW393223 BGS393223 BQO393223 CAK393223 CKG393223 CUC393223 DDY393223 DNU393223 DXQ393223 EHM393223 ERI393223 FBE393223 FLA393223 FUW393223 GES393223 GOO393223 GYK393223 HIG393223 HSC393223 IBY393223 ILU393223 IVQ393223 JFM393223 JPI393223 JZE393223 KJA393223 KSW393223 LCS393223 LMO393223 LWK393223 MGG393223 MQC393223 MZY393223 NJU393223 NTQ393223 ODM393223 ONI393223 OXE393223 PHA393223 PQW393223 QAS393223 QKO393223 QUK393223 REG393223 ROC393223 RXY393223 SHU393223 SRQ393223 TBM393223 TLI393223 TVE393223 UFA393223 UOW393223 UYS393223 VIO393223 VSK393223 WCG393223 WMC393223 WVY393223 Q458759 JM458759 TI458759 ADE458759 ANA458759 AWW458759 BGS458759 BQO458759 CAK458759 CKG458759 CUC458759 DDY458759 DNU458759 DXQ458759 EHM458759 ERI458759 FBE458759 FLA458759 FUW458759 GES458759 GOO458759 GYK458759 HIG458759 HSC458759 IBY458759 ILU458759 IVQ458759 JFM458759 JPI458759 JZE458759 KJA458759 KSW458759 LCS458759 LMO458759 LWK458759 MGG458759 MQC458759 MZY458759 NJU458759 NTQ458759 ODM458759 ONI458759 OXE458759 PHA458759 PQW458759 QAS458759 QKO458759 QUK458759 REG458759 ROC458759 RXY458759 SHU458759 SRQ458759 TBM458759 TLI458759 TVE458759 UFA458759 UOW458759 UYS458759 VIO458759 VSK458759 WCG458759 WMC458759 WVY458759 Q524295 JM524295 TI524295 ADE524295 ANA524295 AWW524295 BGS524295 BQO524295 CAK524295 CKG524295 CUC524295 DDY524295 DNU524295 DXQ524295 EHM524295 ERI524295 FBE524295 FLA524295 FUW524295 GES524295 GOO524295 GYK524295 HIG524295 HSC524295 IBY524295 ILU524295 IVQ524295 JFM524295 JPI524295 JZE524295 KJA524295 KSW524295 LCS524295 LMO524295 LWK524295 MGG524295 MQC524295 MZY524295 NJU524295 NTQ524295 ODM524295 ONI524295 OXE524295 PHA524295 PQW524295 QAS524295 QKO524295 QUK524295 REG524295 ROC524295 RXY524295 SHU524295 SRQ524295 TBM524295 TLI524295 TVE524295 UFA524295 UOW524295 UYS524295 VIO524295 VSK524295 WCG524295 WMC524295 WVY524295 Q589831 JM589831 TI589831 ADE589831 ANA589831 AWW589831 BGS589831 BQO589831 CAK589831 CKG589831 CUC589831 DDY589831 DNU589831 DXQ589831 EHM589831 ERI589831 FBE589831 FLA589831 FUW589831 GES589831 GOO589831 GYK589831 HIG589831 HSC589831 IBY589831 ILU589831 IVQ589831 JFM589831 JPI589831 JZE589831 KJA589831 KSW589831 LCS589831 LMO589831 LWK589831 MGG589831 MQC589831 MZY589831 NJU589831 NTQ589831 ODM589831 ONI589831 OXE589831 PHA589831 PQW589831 QAS589831 QKO589831 QUK589831 REG589831 ROC589831 RXY589831 SHU589831 SRQ589831 TBM589831 TLI589831 TVE589831 UFA589831 UOW589831 UYS589831 VIO589831 VSK589831 WCG589831 WMC589831 WVY589831 Q655367 JM655367 TI655367 ADE655367 ANA655367 AWW655367 BGS655367 BQO655367 CAK655367 CKG655367 CUC655367 DDY655367 DNU655367 DXQ655367 EHM655367 ERI655367 FBE655367 FLA655367 FUW655367 GES655367 GOO655367 GYK655367 HIG655367 HSC655367 IBY655367 ILU655367 IVQ655367 JFM655367 JPI655367 JZE655367 KJA655367 KSW655367 LCS655367 LMO655367 LWK655367 MGG655367 MQC655367 MZY655367 NJU655367 NTQ655367 ODM655367 ONI655367 OXE655367 PHA655367 PQW655367 QAS655367 QKO655367 QUK655367 REG655367 ROC655367 RXY655367 SHU655367 SRQ655367 TBM655367 TLI655367 TVE655367 UFA655367 UOW655367 UYS655367 VIO655367 VSK655367 WCG655367 WMC655367 WVY655367 Q720903 JM720903 TI720903 ADE720903 ANA720903 AWW720903 BGS720903 BQO720903 CAK720903 CKG720903 CUC720903 DDY720903 DNU720903 DXQ720903 EHM720903 ERI720903 FBE720903 FLA720903 FUW720903 GES720903 GOO720903 GYK720903 HIG720903 HSC720903 IBY720903 ILU720903 IVQ720903 JFM720903 JPI720903 JZE720903 KJA720903 KSW720903 LCS720903 LMO720903 LWK720903 MGG720903 MQC720903 MZY720903 NJU720903 NTQ720903 ODM720903 ONI720903 OXE720903 PHA720903 PQW720903 QAS720903 QKO720903 QUK720903 REG720903 ROC720903 RXY720903 SHU720903 SRQ720903 TBM720903 TLI720903 TVE720903 UFA720903 UOW720903 UYS720903 VIO720903 VSK720903 WCG720903 WMC720903 WVY720903 Q786439 JM786439 TI786439 ADE786439 ANA786439 AWW786439 BGS786439 BQO786439 CAK786439 CKG786439 CUC786439 DDY786439 DNU786439 DXQ786439 EHM786439 ERI786439 FBE786439 FLA786439 FUW786439 GES786439 GOO786439 GYK786439 HIG786439 HSC786439 IBY786439 ILU786439 IVQ786439 JFM786439 JPI786439 JZE786439 KJA786439 KSW786439 LCS786439 LMO786439 LWK786439 MGG786439 MQC786439 MZY786439 NJU786439 NTQ786439 ODM786439 ONI786439 OXE786439 PHA786439 PQW786439 QAS786439 QKO786439 QUK786439 REG786439 ROC786439 RXY786439 SHU786439 SRQ786439 TBM786439 TLI786439 TVE786439 UFA786439 UOW786439 UYS786439 VIO786439 VSK786439 WCG786439 WMC786439 WVY786439 Q851975 JM851975 TI851975 ADE851975 ANA851975 AWW851975 BGS851975 BQO851975 CAK851975 CKG851975 CUC851975 DDY851975 DNU851975 DXQ851975 EHM851975 ERI851975 FBE851975 FLA851975 FUW851975 GES851975 GOO851975 GYK851975 HIG851975 HSC851975 IBY851975 ILU851975 IVQ851975 JFM851975 JPI851975 JZE851975 KJA851975 KSW851975 LCS851975 LMO851975 LWK851975 MGG851975 MQC851975 MZY851975 NJU851975 NTQ851975 ODM851975 ONI851975 OXE851975 PHA851975 PQW851975 QAS851975 QKO851975 QUK851975 REG851975 ROC851975 RXY851975 SHU851975 SRQ851975 TBM851975 TLI851975 TVE851975 UFA851975 UOW851975 UYS851975 VIO851975 VSK851975 WCG851975 WMC851975 WVY851975 Q917511 JM917511 TI917511 ADE917511 ANA917511 AWW917511 BGS917511 BQO917511 CAK917511 CKG917511 CUC917511 DDY917511 DNU917511 DXQ917511 EHM917511 ERI917511 FBE917511 FLA917511 FUW917511 GES917511 GOO917511 GYK917511 HIG917511 HSC917511 IBY917511 ILU917511 IVQ917511 JFM917511 JPI917511 JZE917511 KJA917511 KSW917511 LCS917511 LMO917511 LWK917511 MGG917511 MQC917511 MZY917511 NJU917511 NTQ917511 ODM917511 ONI917511 OXE917511 PHA917511 PQW917511 QAS917511 QKO917511 QUK917511 REG917511 ROC917511 RXY917511 SHU917511 SRQ917511 TBM917511 TLI917511 TVE917511 UFA917511 UOW917511 UYS917511 VIO917511 VSK917511 WCG917511 WMC917511 WVY917511 Q983047 JM983047 TI983047 ADE983047 ANA983047 AWW983047 BGS983047 BQO983047 CAK983047 CKG983047 CUC983047 DDY983047 DNU983047 DXQ983047 EHM983047 ERI983047 FBE983047 FLA983047 FUW983047 GES983047 GOO983047 GYK983047 HIG983047 HSC983047 IBY983047 ILU983047 IVQ983047 JFM983047 JPI983047 JZE983047 KJA983047 KSW983047 LCS983047 LMO983047 LWK983047 MGG983047 MQC983047 MZY983047 NJU983047 NTQ983047 ODM983047 ONI983047 OXE983047 PHA983047 PQW983047 QAS983047 QKO983047 QUK983047 REG983047 ROC983047 RXY983047 SHU983047 SRQ983047 TBM983047 TLI983047 TVE983047 UFA983047 UOW983047 UYS983047 VIO983047 VSK983047 WCG983047 WMC983047 WVY983047 V14 JR14 TN14 ADJ14 ANF14 AXB14 BGX14 BQT14 CAP14 CKL14 CUH14 DED14 DNZ14 DXV14 EHR14 ERN14 FBJ14 FLF14 FVB14 GEX14 GOT14 GYP14 HIL14 HSH14 ICD14 ILZ14 IVV14 JFR14 JPN14 JZJ14 KJF14 KTB14 LCX14 LMT14 LWP14 MGL14 MQH14 NAD14 NJZ14 NTV14 ODR14 ONN14 OXJ14 PHF14 PRB14 QAX14 QKT14 QUP14 REL14 ROH14 RYD14 SHZ14 SRV14 TBR14 TLN14 TVJ14 UFF14 UPB14 UYX14 VIT14 VSP14 WCL14 WMH14 WWD14 V65550 JR65550 TN65550 ADJ65550 ANF65550 AXB65550 BGX65550 BQT65550 CAP65550 CKL65550 CUH65550 DED65550 DNZ65550 DXV65550 EHR65550 ERN65550 FBJ65550 FLF65550 FVB65550 GEX65550 GOT65550 GYP65550 HIL65550 HSH65550 ICD65550 ILZ65550 IVV65550 JFR65550 JPN65550 JZJ65550 KJF65550 KTB65550 LCX65550 LMT65550 LWP65550 MGL65550 MQH65550 NAD65550 NJZ65550 NTV65550 ODR65550 ONN65550 OXJ65550 PHF65550 PRB65550 QAX65550 QKT65550 QUP65550 REL65550 ROH65550 RYD65550 SHZ65550 SRV65550 TBR65550 TLN65550 TVJ65550 UFF65550 UPB65550 UYX65550 VIT65550 VSP65550 WCL65550 WMH65550 WWD65550 V131086 JR131086 TN131086 ADJ131086 ANF131086 AXB131086 BGX131086 BQT131086 CAP131086 CKL131086 CUH131086 DED131086 DNZ131086 DXV131086 EHR131086 ERN131086 FBJ131086 FLF131086 FVB131086 GEX131086 GOT131086 GYP131086 HIL131086 HSH131086 ICD131086 ILZ131086 IVV131086 JFR131086 JPN131086 JZJ131086 KJF131086 KTB131086 LCX131086 LMT131086 LWP131086 MGL131086 MQH131086 NAD131086 NJZ131086 NTV131086 ODR131086 ONN131086 OXJ131086 PHF131086 PRB131086 QAX131086 QKT131086 QUP131086 REL131086 ROH131086 RYD131086 SHZ131086 SRV131086 TBR131086 TLN131086 TVJ131086 UFF131086 UPB131086 UYX131086 VIT131086 VSP131086 WCL131086 WMH131086 WWD131086 V196622 JR196622 TN196622 ADJ196622 ANF196622 AXB196622 BGX196622 BQT196622 CAP196622 CKL196622 CUH196622 DED196622 DNZ196622 DXV196622 EHR196622 ERN196622 FBJ196622 FLF196622 FVB196622 GEX196622 GOT196622 GYP196622 HIL196622 HSH196622 ICD196622 ILZ196622 IVV196622 JFR196622 JPN196622 JZJ196622 KJF196622 KTB196622 LCX196622 LMT196622 LWP196622 MGL196622 MQH196622 NAD196622 NJZ196622 NTV196622 ODR196622 ONN196622 OXJ196622 PHF196622 PRB196622 QAX196622 QKT196622 QUP196622 REL196622 ROH196622 RYD196622 SHZ196622 SRV196622 TBR196622 TLN196622 TVJ196622 UFF196622 UPB196622 UYX196622 VIT196622 VSP196622 WCL196622 WMH196622 WWD196622 V262158 JR262158 TN262158 ADJ262158 ANF262158 AXB262158 BGX262158 BQT262158 CAP262158 CKL262158 CUH262158 DED262158 DNZ262158 DXV262158 EHR262158 ERN262158 FBJ262158 FLF262158 FVB262158 GEX262158 GOT262158 GYP262158 HIL262158 HSH262158 ICD262158 ILZ262158 IVV262158 JFR262158 JPN262158 JZJ262158 KJF262158 KTB262158 LCX262158 LMT262158 LWP262158 MGL262158 MQH262158 NAD262158 NJZ262158 NTV262158 ODR262158 ONN262158 OXJ262158 PHF262158 PRB262158 QAX262158 QKT262158 QUP262158 REL262158 ROH262158 RYD262158 SHZ262158 SRV262158 TBR262158 TLN262158 TVJ262158 UFF262158 UPB262158 UYX262158 VIT262158 VSP262158 WCL262158 WMH262158 WWD262158 V327694 JR327694 TN327694 ADJ327694 ANF327694 AXB327694 BGX327694 BQT327694 CAP327694 CKL327694 CUH327694 DED327694 DNZ327694 DXV327694 EHR327694 ERN327694 FBJ327694 FLF327694 FVB327694 GEX327694 GOT327694 GYP327694 HIL327694 HSH327694 ICD327694 ILZ327694 IVV327694 JFR327694 JPN327694 JZJ327694 KJF327694 KTB327694 LCX327694 LMT327694 LWP327694 MGL327694 MQH327694 NAD327694 NJZ327694 NTV327694 ODR327694 ONN327694 OXJ327694 PHF327694 PRB327694 QAX327694 QKT327694 QUP327694 REL327694 ROH327694 RYD327694 SHZ327694 SRV327694 TBR327694 TLN327694 TVJ327694 UFF327694 UPB327694 UYX327694 VIT327694 VSP327694 WCL327694 WMH327694 WWD327694 V393230 JR393230 TN393230 ADJ393230 ANF393230 AXB393230 BGX393230 BQT393230 CAP393230 CKL393230 CUH393230 DED393230 DNZ393230 DXV393230 EHR393230 ERN393230 FBJ393230 FLF393230 FVB393230 GEX393230 GOT393230 GYP393230 HIL393230 HSH393230 ICD393230 ILZ393230 IVV393230 JFR393230 JPN393230 JZJ393230 KJF393230 KTB393230 LCX393230 LMT393230 LWP393230 MGL393230 MQH393230 NAD393230 NJZ393230 NTV393230 ODR393230 ONN393230 OXJ393230 PHF393230 PRB393230 QAX393230 QKT393230 QUP393230 REL393230 ROH393230 RYD393230 SHZ393230 SRV393230 TBR393230 TLN393230 TVJ393230 UFF393230 UPB393230 UYX393230 VIT393230 VSP393230 WCL393230 WMH393230 WWD393230 V458766 JR458766 TN458766 ADJ458766 ANF458766 AXB458766 BGX458766 BQT458766 CAP458766 CKL458766 CUH458766 DED458766 DNZ458766 DXV458766 EHR458766 ERN458766 FBJ458766 FLF458766 FVB458766 GEX458766 GOT458766 GYP458766 HIL458766 HSH458766 ICD458766 ILZ458766 IVV458766 JFR458766 JPN458766 JZJ458766 KJF458766 KTB458766 LCX458766 LMT458766 LWP458766 MGL458766 MQH458766 NAD458766 NJZ458766 NTV458766 ODR458766 ONN458766 OXJ458766 PHF458766 PRB458766 QAX458766 QKT458766 QUP458766 REL458766 ROH458766 RYD458766 SHZ458766 SRV458766 TBR458766 TLN458766 TVJ458766 UFF458766 UPB458766 UYX458766 VIT458766 VSP458766 WCL458766 WMH458766 WWD458766 V524302 JR524302 TN524302 ADJ524302 ANF524302 AXB524302 BGX524302 BQT524302 CAP524302 CKL524302 CUH524302 DED524302 DNZ524302 DXV524302 EHR524302 ERN524302 FBJ524302 FLF524302 FVB524302 GEX524302 GOT524302 GYP524302 HIL524302 HSH524302 ICD524302 ILZ524302 IVV524302 JFR524302 JPN524302 JZJ524302 KJF524302 KTB524302 LCX524302 LMT524302 LWP524302 MGL524302 MQH524302 NAD524302 NJZ524302 NTV524302 ODR524302 ONN524302 OXJ524302 PHF524302 PRB524302 QAX524302 QKT524302 QUP524302 REL524302 ROH524302 RYD524302 SHZ524302 SRV524302 TBR524302 TLN524302 TVJ524302 UFF524302 UPB524302 UYX524302 VIT524302 VSP524302 WCL524302 WMH524302 WWD524302 V589838 JR589838 TN589838 ADJ589838 ANF589838 AXB589838 BGX589838 BQT589838 CAP589838 CKL589838 CUH589838 DED589838 DNZ589838 DXV589838 EHR589838 ERN589838 FBJ589838 FLF589838 FVB589838 GEX589838 GOT589838 GYP589838 HIL589838 HSH589838 ICD589838 ILZ589838 IVV589838 JFR589838 JPN589838 JZJ589838 KJF589838 KTB589838 LCX589838 LMT589838 LWP589838 MGL589838 MQH589838 NAD589838 NJZ589838 NTV589838 ODR589838 ONN589838 OXJ589838 PHF589838 PRB589838 QAX589838 QKT589838 QUP589838 REL589838 ROH589838 RYD589838 SHZ589838 SRV589838 TBR589838 TLN589838 TVJ589838 UFF589838 UPB589838 UYX589838 VIT589838 VSP589838 WCL589838 WMH589838 WWD589838 V655374 JR655374 TN655374 ADJ655374 ANF655374 AXB655374 BGX655374 BQT655374 CAP655374 CKL655374 CUH655374 DED655374 DNZ655374 DXV655374 EHR655374 ERN655374 FBJ655374 FLF655374 FVB655374 GEX655374 GOT655374 GYP655374 HIL655374 HSH655374 ICD655374 ILZ655374 IVV655374 JFR655374 JPN655374 JZJ655374 KJF655374 KTB655374 LCX655374 LMT655374 LWP655374 MGL655374 MQH655374 NAD655374 NJZ655374 NTV655374 ODR655374 ONN655374 OXJ655374 PHF655374 PRB655374 QAX655374 QKT655374 QUP655374 REL655374 ROH655374 RYD655374 SHZ655374 SRV655374 TBR655374 TLN655374 TVJ655374 UFF655374 UPB655374 UYX655374 VIT655374 VSP655374 WCL655374 WMH655374 WWD655374 V720910 JR720910 TN720910 ADJ720910 ANF720910 AXB720910 BGX720910 BQT720910 CAP720910 CKL720910 CUH720910 DED720910 DNZ720910 DXV720910 EHR720910 ERN720910 FBJ720910 FLF720910 FVB720910 GEX720910 GOT720910 GYP720910 HIL720910 HSH720910 ICD720910 ILZ720910 IVV720910 JFR720910 JPN720910 JZJ720910 KJF720910 KTB720910 LCX720910 LMT720910 LWP720910 MGL720910 MQH720910 NAD720910 NJZ720910 NTV720910 ODR720910 ONN720910 OXJ720910 PHF720910 PRB720910 QAX720910 QKT720910 QUP720910 REL720910 ROH720910 RYD720910 SHZ720910 SRV720910 TBR720910 TLN720910 TVJ720910 UFF720910 UPB720910 UYX720910 VIT720910 VSP720910 WCL720910 WMH720910 WWD720910 V786446 JR786446 TN786446 ADJ786446 ANF786446 AXB786446 BGX786446 BQT786446 CAP786446 CKL786446 CUH786446 DED786446 DNZ786446 DXV786446 EHR786446 ERN786446 FBJ786446 FLF786446 FVB786446 GEX786446 GOT786446 GYP786446 HIL786446 HSH786446 ICD786446 ILZ786446 IVV786446 JFR786446 JPN786446 JZJ786446 KJF786446 KTB786446 LCX786446 LMT786446 LWP786446 MGL786446 MQH786446 NAD786446 NJZ786446 NTV786446 ODR786446 ONN786446 OXJ786446 PHF786446 PRB786446 QAX786446 QKT786446 QUP786446 REL786446 ROH786446 RYD786446 SHZ786446 SRV786446 TBR786446 TLN786446 TVJ786446 UFF786446 UPB786446 UYX786446 VIT786446 VSP786446 WCL786446 WMH786446 WWD786446 V851982 JR851982 TN851982 ADJ851982 ANF851982 AXB851982 BGX851982 BQT851982 CAP851982 CKL851982 CUH851982 DED851982 DNZ851982 DXV851982 EHR851982 ERN851982 FBJ851982 FLF851982 FVB851982 GEX851982 GOT851982 GYP851982 HIL851982 HSH851982 ICD851982 ILZ851982 IVV851982 JFR851982 JPN851982 JZJ851982 KJF851982 KTB851982 LCX851982 LMT851982 LWP851982 MGL851982 MQH851982 NAD851982 NJZ851982 NTV851982 ODR851982 ONN851982 OXJ851982 PHF851982 PRB851982 QAX851982 QKT851982 QUP851982 REL851982 ROH851982 RYD851982 SHZ851982 SRV851982 TBR851982 TLN851982 TVJ851982 UFF851982 UPB851982 UYX851982 VIT851982 VSP851982 WCL851982 WMH851982 WWD851982 V917518 JR917518 TN917518 ADJ917518 ANF917518 AXB917518 BGX917518 BQT917518 CAP917518 CKL917518 CUH917518 DED917518 DNZ917518 DXV917518 EHR917518 ERN917518 FBJ917518 FLF917518 FVB917518 GEX917518 GOT917518 GYP917518 HIL917518 HSH917518 ICD917518 ILZ917518 IVV917518 JFR917518 JPN917518 JZJ917518 KJF917518 KTB917518 LCX917518 LMT917518 LWP917518 MGL917518 MQH917518 NAD917518 NJZ917518 NTV917518 ODR917518 ONN917518 OXJ917518 PHF917518 PRB917518 QAX917518 QKT917518 QUP917518 REL917518 ROH917518 RYD917518 SHZ917518 SRV917518 TBR917518 TLN917518 TVJ917518 UFF917518 UPB917518 UYX917518 VIT917518 VSP917518 WCL917518 WMH917518 WWD917518 V983054 JR983054 TN983054 ADJ983054 ANF983054 AXB983054 BGX983054 BQT983054 CAP983054 CKL983054 CUH983054 DED983054 DNZ983054 DXV983054 EHR983054 ERN983054 FBJ983054 FLF983054 FVB983054 GEX983054 GOT983054 GYP983054 HIL983054 HSH983054 ICD983054 ILZ983054 IVV983054 JFR983054 JPN983054 JZJ983054 KJF983054 KTB983054 LCX983054 LMT983054 LWP983054 MGL983054 MQH983054 NAD983054 NJZ983054 NTV983054 ODR983054 ONN983054 OXJ983054 PHF983054 PRB983054 QAX983054 QKT983054 QUP983054 REL983054 ROH983054 RYD983054 SHZ983054 SRV983054 TBR983054 TLN983054 TVJ983054 UFF983054 UPB983054 UYX983054 VIT983054 VSP983054 WCL983054 WMH983054 WWD983054 X14 JT14 TP14 ADL14 ANH14 AXD14 BGZ14 BQV14 CAR14 CKN14 CUJ14 DEF14 DOB14 DXX14 EHT14 ERP14 FBL14 FLH14 FVD14 GEZ14 GOV14 GYR14 HIN14 HSJ14 ICF14 IMB14 IVX14 JFT14 JPP14 JZL14 KJH14 KTD14 LCZ14 LMV14 LWR14 MGN14 MQJ14 NAF14 NKB14 NTX14 ODT14 ONP14 OXL14 PHH14 PRD14 QAZ14 QKV14 QUR14 REN14 ROJ14 RYF14 SIB14 SRX14 TBT14 TLP14 TVL14 UFH14 UPD14 UYZ14 VIV14 VSR14 WCN14 WMJ14 WWF14 X65550 JT65550 TP65550 ADL65550 ANH65550 AXD65550 BGZ65550 BQV65550 CAR65550 CKN65550 CUJ65550 DEF65550 DOB65550 DXX65550 EHT65550 ERP65550 FBL65550 FLH65550 FVD65550 GEZ65550 GOV65550 GYR65550 HIN65550 HSJ65550 ICF65550 IMB65550 IVX65550 JFT65550 JPP65550 JZL65550 KJH65550 KTD65550 LCZ65550 LMV65550 LWR65550 MGN65550 MQJ65550 NAF65550 NKB65550 NTX65550 ODT65550 ONP65550 OXL65550 PHH65550 PRD65550 QAZ65550 QKV65550 QUR65550 REN65550 ROJ65550 RYF65550 SIB65550 SRX65550 TBT65550 TLP65550 TVL65550 UFH65550 UPD65550 UYZ65550 VIV65550 VSR65550 WCN65550 WMJ65550 WWF65550 X131086 JT131086 TP131086 ADL131086 ANH131086 AXD131086 BGZ131086 BQV131086 CAR131086 CKN131086 CUJ131086 DEF131086 DOB131086 DXX131086 EHT131086 ERP131086 FBL131086 FLH131086 FVD131086 GEZ131086 GOV131086 GYR131086 HIN131086 HSJ131086 ICF131086 IMB131086 IVX131086 JFT131086 JPP131086 JZL131086 KJH131086 KTD131086 LCZ131086 LMV131086 LWR131086 MGN131086 MQJ131086 NAF131086 NKB131086 NTX131086 ODT131086 ONP131086 OXL131086 PHH131086 PRD131086 QAZ131086 QKV131086 QUR131086 REN131086 ROJ131086 RYF131086 SIB131086 SRX131086 TBT131086 TLP131086 TVL131086 UFH131086 UPD131086 UYZ131086 VIV131086 VSR131086 WCN131086 WMJ131086 WWF131086 X196622 JT196622 TP196622 ADL196622 ANH196622 AXD196622 BGZ196622 BQV196622 CAR196622 CKN196622 CUJ196622 DEF196622 DOB196622 DXX196622 EHT196622 ERP196622 FBL196622 FLH196622 FVD196622 GEZ196622 GOV196622 GYR196622 HIN196622 HSJ196622 ICF196622 IMB196622 IVX196622 JFT196622 JPP196622 JZL196622 KJH196622 KTD196622 LCZ196622 LMV196622 LWR196622 MGN196622 MQJ196622 NAF196622 NKB196622 NTX196622 ODT196622 ONP196622 OXL196622 PHH196622 PRD196622 QAZ196622 QKV196622 QUR196622 REN196622 ROJ196622 RYF196622 SIB196622 SRX196622 TBT196622 TLP196622 TVL196622 UFH196622 UPD196622 UYZ196622 VIV196622 VSR196622 WCN196622 WMJ196622 WWF196622 X262158 JT262158 TP262158 ADL262158 ANH262158 AXD262158 BGZ262158 BQV262158 CAR262158 CKN262158 CUJ262158 DEF262158 DOB262158 DXX262158 EHT262158 ERP262158 FBL262158 FLH262158 FVD262158 GEZ262158 GOV262158 GYR262158 HIN262158 HSJ262158 ICF262158 IMB262158 IVX262158 JFT262158 JPP262158 JZL262158 KJH262158 KTD262158 LCZ262158 LMV262158 LWR262158 MGN262158 MQJ262158 NAF262158 NKB262158 NTX262158 ODT262158 ONP262158 OXL262158 PHH262158 PRD262158 QAZ262158 QKV262158 QUR262158 REN262158 ROJ262158 RYF262158 SIB262158 SRX262158 TBT262158 TLP262158 TVL262158 UFH262158 UPD262158 UYZ262158 VIV262158 VSR262158 WCN262158 WMJ262158 WWF262158 X327694 JT327694 TP327694 ADL327694 ANH327694 AXD327694 BGZ327694 BQV327694 CAR327694 CKN327694 CUJ327694 DEF327694 DOB327694 DXX327694 EHT327694 ERP327694 FBL327694 FLH327694 FVD327694 GEZ327694 GOV327694 GYR327694 HIN327694 HSJ327694 ICF327694 IMB327694 IVX327694 JFT327694 JPP327694 JZL327694 KJH327694 KTD327694 LCZ327694 LMV327694 LWR327694 MGN327694 MQJ327694 NAF327694 NKB327694 NTX327694 ODT327694 ONP327694 OXL327694 PHH327694 PRD327694 QAZ327694 QKV327694 QUR327694 REN327694 ROJ327694 RYF327694 SIB327694 SRX327694 TBT327694 TLP327694 TVL327694 UFH327694 UPD327694 UYZ327694 VIV327694 VSR327694 WCN327694 WMJ327694 WWF327694 X393230 JT393230 TP393230 ADL393230 ANH393230 AXD393230 BGZ393230 BQV393230 CAR393230 CKN393230 CUJ393230 DEF393230 DOB393230 DXX393230 EHT393230 ERP393230 FBL393230 FLH393230 FVD393230 GEZ393230 GOV393230 GYR393230 HIN393230 HSJ393230 ICF393230 IMB393230 IVX393230 JFT393230 JPP393230 JZL393230 KJH393230 KTD393230 LCZ393230 LMV393230 LWR393230 MGN393230 MQJ393230 NAF393230 NKB393230 NTX393230 ODT393230 ONP393230 OXL393230 PHH393230 PRD393230 QAZ393230 QKV393230 QUR393230 REN393230 ROJ393230 RYF393230 SIB393230 SRX393230 TBT393230 TLP393230 TVL393230 UFH393230 UPD393230 UYZ393230 VIV393230 VSR393230 WCN393230 WMJ393230 WWF393230 X458766 JT458766 TP458766 ADL458766 ANH458766 AXD458766 BGZ458766 BQV458766 CAR458766 CKN458766 CUJ458766 DEF458766 DOB458766 DXX458766 EHT458766 ERP458766 FBL458766 FLH458766 FVD458766 GEZ458766 GOV458766 GYR458766 HIN458766 HSJ458766 ICF458766 IMB458766 IVX458766 JFT458766 JPP458766 JZL458766 KJH458766 KTD458766 LCZ458766 LMV458766 LWR458766 MGN458766 MQJ458766 NAF458766 NKB458766 NTX458766 ODT458766 ONP458766 OXL458766 PHH458766 PRD458766 QAZ458766 QKV458766 QUR458766 REN458766 ROJ458766 RYF458766 SIB458766 SRX458766 TBT458766 TLP458766 TVL458766 UFH458766 UPD458766 UYZ458766 VIV458766 VSR458766 WCN458766 WMJ458766 WWF458766 X524302 JT524302 TP524302 ADL524302 ANH524302 AXD524302 BGZ524302 BQV524302 CAR524302 CKN524302 CUJ524302 DEF524302 DOB524302 DXX524302 EHT524302 ERP524302 FBL524302 FLH524302 FVD524302 GEZ524302 GOV524302 GYR524302 HIN524302 HSJ524302 ICF524302 IMB524302 IVX524302 JFT524302 JPP524302 JZL524302 KJH524302 KTD524302 LCZ524302 LMV524302 LWR524302 MGN524302 MQJ524302 NAF524302 NKB524302 NTX524302 ODT524302 ONP524302 OXL524302 PHH524302 PRD524302 QAZ524302 QKV524302 QUR524302 REN524302 ROJ524302 RYF524302 SIB524302 SRX524302 TBT524302 TLP524302 TVL524302 UFH524302 UPD524302 UYZ524302 VIV524302 VSR524302 WCN524302 WMJ524302 WWF524302 X589838 JT589838 TP589838 ADL589838 ANH589838 AXD589838 BGZ589838 BQV589838 CAR589838 CKN589838 CUJ589838 DEF589838 DOB589838 DXX589838 EHT589838 ERP589838 FBL589838 FLH589838 FVD589838 GEZ589838 GOV589838 GYR589838 HIN589838 HSJ589838 ICF589838 IMB589838 IVX589838 JFT589838 JPP589838 JZL589838 KJH589838 KTD589838 LCZ589838 LMV589838 LWR589838 MGN589838 MQJ589838 NAF589838 NKB589838 NTX589838 ODT589838 ONP589838 OXL589838 PHH589838 PRD589838 QAZ589838 QKV589838 QUR589838 REN589838 ROJ589838 RYF589838 SIB589838 SRX589838 TBT589838 TLP589838 TVL589838 UFH589838 UPD589838 UYZ589838 VIV589838 VSR589838 WCN589838 WMJ589838 WWF589838 X655374 JT655374 TP655374 ADL655374 ANH655374 AXD655374 BGZ655374 BQV655374 CAR655374 CKN655374 CUJ655374 DEF655374 DOB655374 DXX655374 EHT655374 ERP655374 FBL655374 FLH655374 FVD655374 GEZ655374 GOV655374 GYR655374 HIN655374 HSJ655374 ICF655374 IMB655374 IVX655374 JFT655374 JPP655374 JZL655374 KJH655374 KTD655374 LCZ655374 LMV655374 LWR655374 MGN655374 MQJ655374 NAF655374 NKB655374 NTX655374 ODT655374 ONP655374 OXL655374 PHH655374 PRD655374 QAZ655374 QKV655374 QUR655374 REN655374 ROJ655374 RYF655374 SIB655374 SRX655374 TBT655374 TLP655374 TVL655374 UFH655374 UPD655374 UYZ655374 VIV655374 VSR655374 WCN655374 WMJ655374 WWF655374 X720910 JT720910 TP720910 ADL720910 ANH720910 AXD720910 BGZ720910 BQV720910 CAR720910 CKN720910 CUJ720910 DEF720910 DOB720910 DXX720910 EHT720910 ERP720910 FBL720910 FLH720910 FVD720910 GEZ720910 GOV720910 GYR720910 HIN720910 HSJ720910 ICF720910 IMB720910 IVX720910 JFT720910 JPP720910 JZL720910 KJH720910 KTD720910 LCZ720910 LMV720910 LWR720910 MGN720910 MQJ720910 NAF720910 NKB720910 NTX720910 ODT720910 ONP720910 OXL720910 PHH720910 PRD720910 QAZ720910 QKV720910 QUR720910 REN720910 ROJ720910 RYF720910 SIB720910 SRX720910 TBT720910 TLP720910 TVL720910 UFH720910 UPD720910 UYZ720910 VIV720910 VSR720910 WCN720910 WMJ720910 WWF720910 X786446 JT786446 TP786446 ADL786446 ANH786446 AXD786446 BGZ786446 BQV786446 CAR786446 CKN786446 CUJ786446 DEF786446 DOB786446 DXX786446 EHT786446 ERP786446 FBL786446 FLH786446 FVD786446 GEZ786446 GOV786446 GYR786446 HIN786446 HSJ786446 ICF786446 IMB786446 IVX786446 JFT786446 JPP786446 JZL786446 KJH786446 KTD786446 LCZ786446 LMV786446 LWR786446 MGN786446 MQJ786446 NAF786446 NKB786446 NTX786446 ODT786446 ONP786446 OXL786446 PHH786446 PRD786446 QAZ786446 QKV786446 QUR786446 REN786446 ROJ786446 RYF786446 SIB786446 SRX786446 TBT786446 TLP786446 TVL786446 UFH786446 UPD786446 UYZ786446 VIV786446 VSR786446 WCN786446 WMJ786446 WWF786446 X851982 JT851982 TP851982 ADL851982 ANH851982 AXD851982 BGZ851982 BQV851982 CAR851982 CKN851982 CUJ851982 DEF851982 DOB851982 DXX851982 EHT851982 ERP851982 FBL851982 FLH851982 FVD851982 GEZ851982 GOV851982 GYR851982 HIN851982 HSJ851982 ICF851982 IMB851982 IVX851982 JFT851982 JPP851982 JZL851982 KJH851982 KTD851982 LCZ851982 LMV851982 LWR851982 MGN851982 MQJ851982 NAF851982 NKB851982 NTX851982 ODT851982 ONP851982 OXL851982 PHH851982 PRD851982 QAZ851982 QKV851982 QUR851982 REN851982 ROJ851982 RYF851982 SIB851982 SRX851982 TBT851982 TLP851982 TVL851982 UFH851982 UPD851982 UYZ851982 VIV851982 VSR851982 WCN851982 WMJ851982 WWF851982 X917518 JT917518 TP917518 ADL917518 ANH917518 AXD917518 BGZ917518 BQV917518 CAR917518 CKN917518 CUJ917518 DEF917518 DOB917518 DXX917518 EHT917518 ERP917518 FBL917518 FLH917518 FVD917518 GEZ917518 GOV917518 GYR917518 HIN917518 HSJ917518 ICF917518 IMB917518 IVX917518 JFT917518 JPP917518 JZL917518 KJH917518 KTD917518 LCZ917518 LMV917518 LWR917518 MGN917518 MQJ917518 NAF917518 NKB917518 NTX917518 ODT917518 ONP917518 OXL917518 PHH917518 PRD917518 QAZ917518 QKV917518 QUR917518 REN917518 ROJ917518 RYF917518 SIB917518 SRX917518 TBT917518 TLP917518 TVL917518 UFH917518 UPD917518 UYZ917518 VIV917518 VSR917518 WCN917518 WMJ917518 WWF917518 X983054 JT983054 TP983054 ADL983054 ANH983054 AXD983054 BGZ983054 BQV983054 CAR983054 CKN983054 CUJ983054 DEF983054 DOB983054 DXX983054 EHT983054 ERP983054 FBL983054 FLH983054 FVD983054 GEZ983054 GOV983054 GYR983054 HIN983054 HSJ983054 ICF983054 IMB983054 IVX983054 JFT983054 JPP983054 JZL983054 KJH983054 KTD983054 LCZ983054 LMV983054 LWR983054 MGN983054 MQJ983054 NAF983054 NKB983054 NTX983054 ODT983054 ONP983054 OXL983054 PHH983054 PRD983054 QAZ983054 QKV983054 QUR983054 REN983054 ROJ983054 RYF983054 SIB983054 SRX983054 TBT983054 TLP983054 TVL983054 UFH983054 UPD983054 UYZ983054 VIV983054 VSR983054 WCN983054 WMJ983054 WWF983054 V16 JR16 TN16 ADJ16 ANF16 AXB16 BGX16 BQT16 CAP16 CKL16 CUH16 DED16 DNZ16 DXV16 EHR16 ERN16 FBJ16 FLF16 FVB16 GEX16 GOT16 GYP16 HIL16 HSH16 ICD16 ILZ16 IVV16 JFR16 JPN16 JZJ16 KJF16 KTB16 LCX16 LMT16 LWP16 MGL16 MQH16 NAD16 NJZ16 NTV16 ODR16 ONN16 OXJ16 PHF16 PRB16 QAX16 QKT16 QUP16 REL16 ROH16 RYD16 SHZ16 SRV16 TBR16 TLN16 TVJ16 UFF16 UPB16 UYX16 VIT16 VSP16 WCL16 WMH16 WWD16 V65552 JR65552 TN65552 ADJ65552 ANF65552 AXB65552 BGX65552 BQT65552 CAP65552 CKL65552 CUH65552 DED65552 DNZ65552 DXV65552 EHR65552 ERN65552 FBJ65552 FLF65552 FVB65552 GEX65552 GOT65552 GYP65552 HIL65552 HSH65552 ICD65552 ILZ65552 IVV65552 JFR65552 JPN65552 JZJ65552 KJF65552 KTB65552 LCX65552 LMT65552 LWP65552 MGL65552 MQH65552 NAD65552 NJZ65552 NTV65552 ODR65552 ONN65552 OXJ65552 PHF65552 PRB65552 QAX65552 QKT65552 QUP65552 REL65552 ROH65552 RYD65552 SHZ65552 SRV65552 TBR65552 TLN65552 TVJ65552 UFF65552 UPB65552 UYX65552 VIT65552 VSP65552 WCL65552 WMH65552 WWD65552 V131088 JR131088 TN131088 ADJ131088 ANF131088 AXB131088 BGX131088 BQT131088 CAP131088 CKL131088 CUH131088 DED131088 DNZ131088 DXV131088 EHR131088 ERN131088 FBJ131088 FLF131088 FVB131088 GEX131088 GOT131088 GYP131088 HIL131088 HSH131088 ICD131088 ILZ131088 IVV131088 JFR131088 JPN131088 JZJ131088 KJF131088 KTB131088 LCX131088 LMT131088 LWP131088 MGL131088 MQH131088 NAD131088 NJZ131088 NTV131088 ODR131088 ONN131088 OXJ131088 PHF131088 PRB131088 QAX131088 QKT131088 QUP131088 REL131088 ROH131088 RYD131088 SHZ131088 SRV131088 TBR131088 TLN131088 TVJ131088 UFF131088 UPB131088 UYX131088 VIT131088 VSP131088 WCL131088 WMH131088 WWD131088 V196624 JR196624 TN196624 ADJ196624 ANF196624 AXB196624 BGX196624 BQT196624 CAP196624 CKL196624 CUH196624 DED196624 DNZ196624 DXV196624 EHR196624 ERN196624 FBJ196624 FLF196624 FVB196624 GEX196624 GOT196624 GYP196624 HIL196624 HSH196624 ICD196624 ILZ196624 IVV196624 JFR196624 JPN196624 JZJ196624 KJF196624 KTB196624 LCX196624 LMT196624 LWP196624 MGL196624 MQH196624 NAD196624 NJZ196624 NTV196624 ODR196624 ONN196624 OXJ196624 PHF196624 PRB196624 QAX196624 QKT196624 QUP196624 REL196624 ROH196624 RYD196624 SHZ196624 SRV196624 TBR196624 TLN196624 TVJ196624 UFF196624 UPB196624 UYX196624 VIT196624 VSP196624 WCL196624 WMH196624 WWD196624 V262160 JR262160 TN262160 ADJ262160 ANF262160 AXB262160 BGX262160 BQT262160 CAP262160 CKL262160 CUH262160 DED262160 DNZ262160 DXV262160 EHR262160 ERN262160 FBJ262160 FLF262160 FVB262160 GEX262160 GOT262160 GYP262160 HIL262160 HSH262160 ICD262160 ILZ262160 IVV262160 JFR262160 JPN262160 JZJ262160 KJF262160 KTB262160 LCX262160 LMT262160 LWP262160 MGL262160 MQH262160 NAD262160 NJZ262160 NTV262160 ODR262160 ONN262160 OXJ262160 PHF262160 PRB262160 QAX262160 QKT262160 QUP262160 REL262160 ROH262160 RYD262160 SHZ262160 SRV262160 TBR262160 TLN262160 TVJ262160 UFF262160 UPB262160 UYX262160 VIT262160 VSP262160 WCL262160 WMH262160 WWD262160 V327696 JR327696 TN327696 ADJ327696 ANF327696 AXB327696 BGX327696 BQT327696 CAP327696 CKL327696 CUH327696 DED327696 DNZ327696 DXV327696 EHR327696 ERN327696 FBJ327696 FLF327696 FVB327696 GEX327696 GOT327696 GYP327696 HIL327696 HSH327696 ICD327696 ILZ327696 IVV327696 JFR327696 JPN327696 JZJ327696 KJF327696 KTB327696 LCX327696 LMT327696 LWP327696 MGL327696 MQH327696 NAD327696 NJZ327696 NTV327696 ODR327696 ONN327696 OXJ327696 PHF327696 PRB327696 QAX327696 QKT327696 QUP327696 REL327696 ROH327696 RYD327696 SHZ327696 SRV327696 TBR327696 TLN327696 TVJ327696 UFF327696 UPB327696 UYX327696 VIT327696 VSP327696 WCL327696 WMH327696 WWD327696 V393232 JR393232 TN393232 ADJ393232 ANF393232 AXB393232 BGX393232 BQT393232 CAP393232 CKL393232 CUH393232 DED393232 DNZ393232 DXV393232 EHR393232 ERN393232 FBJ393232 FLF393232 FVB393232 GEX393232 GOT393232 GYP393232 HIL393232 HSH393232 ICD393232 ILZ393232 IVV393232 JFR393232 JPN393232 JZJ393232 KJF393232 KTB393232 LCX393232 LMT393232 LWP393232 MGL393232 MQH393232 NAD393232 NJZ393232 NTV393232 ODR393232 ONN393232 OXJ393232 PHF393232 PRB393232 QAX393232 QKT393232 QUP393232 REL393232 ROH393232 RYD393232 SHZ393232 SRV393232 TBR393232 TLN393232 TVJ393232 UFF393232 UPB393232 UYX393232 VIT393232 VSP393232 WCL393232 WMH393232 WWD393232 V458768 JR458768 TN458768 ADJ458768 ANF458768 AXB458768 BGX458768 BQT458768 CAP458768 CKL458768 CUH458768 DED458768 DNZ458768 DXV458768 EHR458768 ERN458768 FBJ458768 FLF458768 FVB458768 GEX458768 GOT458768 GYP458768 HIL458768 HSH458768 ICD458768 ILZ458768 IVV458768 JFR458768 JPN458768 JZJ458768 KJF458768 KTB458768 LCX458768 LMT458768 LWP458768 MGL458768 MQH458768 NAD458768 NJZ458768 NTV458768 ODR458768 ONN458768 OXJ458768 PHF458768 PRB458768 QAX458768 QKT458768 QUP458768 REL458768 ROH458768 RYD458768 SHZ458768 SRV458768 TBR458768 TLN458768 TVJ458768 UFF458768 UPB458768 UYX458768 VIT458768 VSP458768 WCL458768 WMH458768 WWD458768 V524304 JR524304 TN524304 ADJ524304 ANF524304 AXB524304 BGX524304 BQT524304 CAP524304 CKL524304 CUH524304 DED524304 DNZ524304 DXV524304 EHR524304 ERN524304 FBJ524304 FLF524304 FVB524304 GEX524304 GOT524304 GYP524304 HIL524304 HSH524304 ICD524304 ILZ524304 IVV524304 JFR524304 JPN524304 JZJ524304 KJF524304 KTB524304 LCX524304 LMT524304 LWP524304 MGL524304 MQH524304 NAD524304 NJZ524304 NTV524304 ODR524304 ONN524304 OXJ524304 PHF524304 PRB524304 QAX524304 QKT524304 QUP524304 REL524304 ROH524304 RYD524304 SHZ524304 SRV524304 TBR524304 TLN524304 TVJ524304 UFF524304 UPB524304 UYX524304 VIT524304 VSP524304 WCL524304 WMH524304 WWD524304 V589840 JR589840 TN589840 ADJ589840 ANF589840 AXB589840 BGX589840 BQT589840 CAP589840 CKL589840 CUH589840 DED589840 DNZ589840 DXV589840 EHR589840 ERN589840 FBJ589840 FLF589840 FVB589840 GEX589840 GOT589840 GYP589840 HIL589840 HSH589840 ICD589840 ILZ589840 IVV589840 JFR589840 JPN589840 JZJ589840 KJF589840 KTB589840 LCX589840 LMT589840 LWP589840 MGL589840 MQH589840 NAD589840 NJZ589840 NTV589840 ODR589840 ONN589840 OXJ589840 PHF589840 PRB589840 QAX589840 QKT589840 QUP589840 REL589840 ROH589840 RYD589840 SHZ589840 SRV589840 TBR589840 TLN589840 TVJ589840 UFF589840 UPB589840 UYX589840 VIT589840 VSP589840 WCL589840 WMH589840 WWD589840 V655376 JR655376 TN655376 ADJ655376 ANF655376 AXB655376 BGX655376 BQT655376 CAP655376 CKL655376 CUH655376 DED655376 DNZ655376 DXV655376 EHR655376 ERN655376 FBJ655376 FLF655376 FVB655376 GEX655376 GOT655376 GYP655376 HIL655376 HSH655376 ICD655376 ILZ655376 IVV655376 JFR655376 JPN655376 JZJ655376 KJF655376 KTB655376 LCX655376 LMT655376 LWP655376 MGL655376 MQH655376 NAD655376 NJZ655376 NTV655376 ODR655376 ONN655376 OXJ655376 PHF655376 PRB655376 QAX655376 QKT655376 QUP655376 REL655376 ROH655376 RYD655376 SHZ655376 SRV655376 TBR655376 TLN655376 TVJ655376 UFF655376 UPB655376 UYX655376 VIT655376 VSP655376 WCL655376 WMH655376 WWD655376 V720912 JR720912 TN720912 ADJ720912 ANF720912 AXB720912 BGX720912 BQT720912 CAP720912 CKL720912 CUH720912 DED720912 DNZ720912 DXV720912 EHR720912 ERN720912 FBJ720912 FLF720912 FVB720912 GEX720912 GOT720912 GYP720912 HIL720912 HSH720912 ICD720912 ILZ720912 IVV720912 JFR720912 JPN720912 JZJ720912 KJF720912 KTB720912 LCX720912 LMT720912 LWP720912 MGL720912 MQH720912 NAD720912 NJZ720912 NTV720912 ODR720912 ONN720912 OXJ720912 PHF720912 PRB720912 QAX720912 QKT720912 QUP720912 REL720912 ROH720912 RYD720912 SHZ720912 SRV720912 TBR720912 TLN720912 TVJ720912 UFF720912 UPB720912 UYX720912 VIT720912 VSP720912 WCL720912 WMH720912 WWD720912 V786448 JR786448 TN786448 ADJ786448 ANF786448 AXB786448 BGX786448 BQT786448 CAP786448 CKL786448 CUH786448 DED786448 DNZ786448 DXV786448 EHR786448 ERN786448 FBJ786448 FLF786448 FVB786448 GEX786448 GOT786448 GYP786448 HIL786448 HSH786448 ICD786448 ILZ786448 IVV786448 JFR786448 JPN786448 JZJ786448 KJF786448 KTB786448 LCX786448 LMT786448 LWP786448 MGL786448 MQH786448 NAD786448 NJZ786448 NTV786448 ODR786448 ONN786448 OXJ786448 PHF786448 PRB786448 QAX786448 QKT786448 QUP786448 REL786448 ROH786448 RYD786448 SHZ786448 SRV786448 TBR786448 TLN786448 TVJ786448 UFF786448 UPB786448 UYX786448 VIT786448 VSP786448 WCL786448 WMH786448 WWD786448 V851984 JR851984 TN851984 ADJ851984 ANF851984 AXB851984 BGX851984 BQT851984 CAP851984 CKL851984 CUH851984 DED851984 DNZ851984 DXV851984 EHR851984 ERN851984 FBJ851984 FLF851984 FVB851984 GEX851984 GOT851984 GYP851984 HIL851984 HSH851984 ICD851984 ILZ851984 IVV851984 JFR851984 JPN851984 JZJ851984 KJF851984 KTB851984 LCX851984 LMT851984 LWP851984 MGL851984 MQH851984 NAD851984 NJZ851984 NTV851984 ODR851984 ONN851984 OXJ851984 PHF851984 PRB851984 QAX851984 QKT851984 QUP851984 REL851984 ROH851984 RYD851984 SHZ851984 SRV851984 TBR851984 TLN851984 TVJ851984 UFF851984 UPB851984 UYX851984 VIT851984 VSP851984 WCL851984 WMH851984 WWD851984 V917520 JR917520 TN917520 ADJ917520 ANF917520 AXB917520 BGX917520 BQT917520 CAP917520 CKL917520 CUH917520 DED917520 DNZ917520 DXV917520 EHR917520 ERN917520 FBJ917520 FLF917520 FVB917520 GEX917520 GOT917520 GYP917520 HIL917520 HSH917520 ICD917520 ILZ917520 IVV917520 JFR917520 JPN917520 JZJ917520 KJF917520 KTB917520 LCX917520 LMT917520 LWP917520 MGL917520 MQH917520 NAD917520 NJZ917520 NTV917520 ODR917520 ONN917520 OXJ917520 PHF917520 PRB917520 QAX917520 QKT917520 QUP917520 REL917520 ROH917520 RYD917520 SHZ917520 SRV917520 TBR917520 TLN917520 TVJ917520 UFF917520 UPB917520 UYX917520 VIT917520 VSP917520 WCL917520 WMH917520 WWD917520 V983056 JR983056 TN983056 ADJ983056 ANF983056 AXB983056 BGX983056 BQT983056 CAP983056 CKL983056 CUH983056 DED983056 DNZ983056 DXV983056 EHR983056 ERN983056 FBJ983056 FLF983056 FVB983056 GEX983056 GOT983056 GYP983056 HIL983056 HSH983056 ICD983056 ILZ983056 IVV983056 JFR983056 JPN983056 JZJ983056 KJF983056 KTB983056 LCX983056 LMT983056 LWP983056 MGL983056 MQH983056 NAD983056 NJZ983056 NTV983056 ODR983056 ONN983056 OXJ983056 PHF983056 PRB983056 QAX983056 QKT983056 QUP983056 REL983056 ROH983056 RYD983056 SHZ983056 SRV983056 TBR983056 TLN983056 TVJ983056 UFF983056 UPB983056 UYX983056 VIT983056 VSP983056 WCL983056 WMH983056 WWD983056 X16 JT16 TP16 ADL16 ANH16 AXD16 BGZ16 BQV16 CAR16 CKN16 CUJ16 DEF16 DOB16 DXX16 EHT16 ERP16 FBL16 FLH16 FVD16 GEZ16 GOV16 GYR16 HIN16 HSJ16 ICF16 IMB16 IVX16 JFT16 JPP16 JZL16 KJH16 KTD16 LCZ16 LMV16 LWR16 MGN16 MQJ16 NAF16 NKB16 NTX16 ODT16 ONP16 OXL16 PHH16 PRD16 QAZ16 QKV16 QUR16 REN16 ROJ16 RYF16 SIB16 SRX16 TBT16 TLP16 TVL16 UFH16 UPD16 UYZ16 VIV16 VSR16 WCN16 WMJ16 WWF16 X65552 JT65552 TP65552 ADL65552 ANH65552 AXD65552 BGZ65552 BQV65552 CAR65552 CKN65552 CUJ65552 DEF65552 DOB65552 DXX65552 EHT65552 ERP65552 FBL65552 FLH65552 FVD65552 GEZ65552 GOV65552 GYR65552 HIN65552 HSJ65552 ICF65552 IMB65552 IVX65552 JFT65552 JPP65552 JZL65552 KJH65552 KTD65552 LCZ65552 LMV65552 LWR65552 MGN65552 MQJ65552 NAF65552 NKB65552 NTX65552 ODT65552 ONP65552 OXL65552 PHH65552 PRD65552 QAZ65552 QKV65552 QUR65552 REN65552 ROJ65552 RYF65552 SIB65552 SRX65552 TBT65552 TLP65552 TVL65552 UFH65552 UPD65552 UYZ65552 VIV65552 VSR65552 WCN65552 WMJ65552 WWF65552 X131088 JT131088 TP131088 ADL131088 ANH131088 AXD131088 BGZ131088 BQV131088 CAR131088 CKN131088 CUJ131088 DEF131088 DOB131088 DXX131088 EHT131088 ERP131088 FBL131088 FLH131088 FVD131088 GEZ131088 GOV131088 GYR131088 HIN131088 HSJ131088 ICF131088 IMB131088 IVX131088 JFT131088 JPP131088 JZL131088 KJH131088 KTD131088 LCZ131088 LMV131088 LWR131088 MGN131088 MQJ131088 NAF131088 NKB131088 NTX131088 ODT131088 ONP131088 OXL131088 PHH131088 PRD131088 QAZ131088 QKV131088 QUR131088 REN131088 ROJ131088 RYF131088 SIB131088 SRX131088 TBT131088 TLP131088 TVL131088 UFH131088 UPD131088 UYZ131088 VIV131088 VSR131088 WCN131088 WMJ131088 WWF131088 X196624 JT196624 TP196624 ADL196624 ANH196624 AXD196624 BGZ196624 BQV196624 CAR196624 CKN196624 CUJ196624 DEF196624 DOB196624 DXX196624 EHT196624 ERP196624 FBL196624 FLH196624 FVD196624 GEZ196624 GOV196624 GYR196624 HIN196624 HSJ196624 ICF196624 IMB196624 IVX196624 JFT196624 JPP196624 JZL196624 KJH196624 KTD196624 LCZ196624 LMV196624 LWR196624 MGN196624 MQJ196624 NAF196624 NKB196624 NTX196624 ODT196624 ONP196624 OXL196624 PHH196624 PRD196624 QAZ196624 QKV196624 QUR196624 REN196624 ROJ196624 RYF196624 SIB196624 SRX196624 TBT196624 TLP196624 TVL196624 UFH196624 UPD196624 UYZ196624 VIV196624 VSR196624 WCN196624 WMJ196624 WWF196624 X262160 JT262160 TP262160 ADL262160 ANH262160 AXD262160 BGZ262160 BQV262160 CAR262160 CKN262160 CUJ262160 DEF262160 DOB262160 DXX262160 EHT262160 ERP262160 FBL262160 FLH262160 FVD262160 GEZ262160 GOV262160 GYR262160 HIN262160 HSJ262160 ICF262160 IMB262160 IVX262160 JFT262160 JPP262160 JZL262160 KJH262160 KTD262160 LCZ262160 LMV262160 LWR262160 MGN262160 MQJ262160 NAF262160 NKB262160 NTX262160 ODT262160 ONP262160 OXL262160 PHH262160 PRD262160 QAZ262160 QKV262160 QUR262160 REN262160 ROJ262160 RYF262160 SIB262160 SRX262160 TBT262160 TLP262160 TVL262160 UFH262160 UPD262160 UYZ262160 VIV262160 VSR262160 WCN262160 WMJ262160 WWF262160 X327696 JT327696 TP327696 ADL327696 ANH327696 AXD327696 BGZ327696 BQV327696 CAR327696 CKN327696 CUJ327696 DEF327696 DOB327696 DXX327696 EHT327696 ERP327696 FBL327696 FLH327696 FVD327696 GEZ327696 GOV327696 GYR327696 HIN327696 HSJ327696 ICF327696 IMB327696 IVX327696 JFT327696 JPP327696 JZL327696 KJH327696 KTD327696 LCZ327696 LMV327696 LWR327696 MGN327696 MQJ327696 NAF327696 NKB327696 NTX327696 ODT327696 ONP327696 OXL327696 PHH327696 PRD327696 QAZ327696 QKV327696 QUR327696 REN327696 ROJ327696 RYF327696 SIB327696 SRX327696 TBT327696 TLP327696 TVL327696 UFH327696 UPD327696 UYZ327696 VIV327696 VSR327696 WCN327696 WMJ327696 WWF327696 X393232 JT393232 TP393232 ADL393232 ANH393232 AXD393232 BGZ393232 BQV393232 CAR393232 CKN393232 CUJ393232 DEF393232 DOB393232 DXX393232 EHT393232 ERP393232 FBL393232 FLH393232 FVD393232 GEZ393232 GOV393232 GYR393232 HIN393232 HSJ393232 ICF393232 IMB393232 IVX393232 JFT393232 JPP393232 JZL393232 KJH393232 KTD393232 LCZ393232 LMV393232 LWR393232 MGN393232 MQJ393232 NAF393232 NKB393232 NTX393232 ODT393232 ONP393232 OXL393232 PHH393232 PRD393232 QAZ393232 QKV393232 QUR393232 REN393232 ROJ393232 RYF393232 SIB393232 SRX393232 TBT393232 TLP393232 TVL393232 UFH393232 UPD393232 UYZ393232 VIV393232 VSR393232 WCN393232 WMJ393232 WWF393232 X458768 JT458768 TP458768 ADL458768 ANH458768 AXD458768 BGZ458768 BQV458768 CAR458768 CKN458768 CUJ458768 DEF458768 DOB458768 DXX458768 EHT458768 ERP458768 FBL458768 FLH458768 FVD458768 GEZ458768 GOV458768 GYR458768 HIN458768 HSJ458768 ICF458768 IMB458768 IVX458768 JFT458768 JPP458768 JZL458768 KJH458768 KTD458768 LCZ458768 LMV458768 LWR458768 MGN458768 MQJ458768 NAF458768 NKB458768 NTX458768 ODT458768 ONP458768 OXL458768 PHH458768 PRD458768 QAZ458768 QKV458768 QUR458768 REN458768 ROJ458768 RYF458768 SIB458768 SRX458768 TBT458768 TLP458768 TVL458768 UFH458768 UPD458768 UYZ458768 VIV458768 VSR458768 WCN458768 WMJ458768 WWF458768 X524304 JT524304 TP524304 ADL524304 ANH524304 AXD524304 BGZ524304 BQV524304 CAR524304 CKN524304 CUJ524304 DEF524304 DOB524304 DXX524304 EHT524304 ERP524304 FBL524304 FLH524304 FVD524304 GEZ524304 GOV524304 GYR524304 HIN524304 HSJ524304 ICF524304 IMB524304 IVX524304 JFT524304 JPP524304 JZL524304 KJH524304 KTD524304 LCZ524304 LMV524304 LWR524304 MGN524304 MQJ524304 NAF524304 NKB524304 NTX524304 ODT524304 ONP524304 OXL524304 PHH524304 PRD524304 QAZ524304 QKV524304 QUR524304 REN524304 ROJ524304 RYF524304 SIB524304 SRX524304 TBT524304 TLP524304 TVL524304 UFH524304 UPD524304 UYZ524304 VIV524304 VSR524304 WCN524304 WMJ524304 WWF524304 X589840 JT589840 TP589840 ADL589840 ANH589840 AXD589840 BGZ589840 BQV589840 CAR589840 CKN589840 CUJ589840 DEF589840 DOB589840 DXX589840 EHT589840 ERP589840 FBL589840 FLH589840 FVD589840 GEZ589840 GOV589840 GYR589840 HIN589840 HSJ589840 ICF589840 IMB589840 IVX589840 JFT589840 JPP589840 JZL589840 KJH589840 KTD589840 LCZ589840 LMV589840 LWR589840 MGN589840 MQJ589840 NAF589840 NKB589840 NTX589840 ODT589840 ONP589840 OXL589840 PHH589840 PRD589840 QAZ589840 QKV589840 QUR589840 REN589840 ROJ589840 RYF589840 SIB589840 SRX589840 TBT589840 TLP589840 TVL589840 UFH589840 UPD589840 UYZ589840 VIV589840 VSR589840 WCN589840 WMJ589840 WWF589840 X655376 JT655376 TP655376 ADL655376 ANH655376 AXD655376 BGZ655376 BQV655376 CAR655376 CKN655376 CUJ655376 DEF655376 DOB655376 DXX655376 EHT655376 ERP655376 FBL655376 FLH655376 FVD655376 GEZ655376 GOV655376 GYR655376 HIN655376 HSJ655376 ICF655376 IMB655376 IVX655376 JFT655376 JPP655376 JZL655376 KJH655376 KTD655376 LCZ655376 LMV655376 LWR655376 MGN655376 MQJ655376 NAF655376 NKB655376 NTX655376 ODT655376 ONP655376 OXL655376 PHH655376 PRD655376 QAZ655376 QKV655376 QUR655376 REN655376 ROJ655376 RYF655376 SIB655376 SRX655376 TBT655376 TLP655376 TVL655376 UFH655376 UPD655376 UYZ655376 VIV655376 VSR655376 WCN655376 WMJ655376 WWF655376 X720912 JT720912 TP720912 ADL720912 ANH720912 AXD720912 BGZ720912 BQV720912 CAR720912 CKN720912 CUJ720912 DEF720912 DOB720912 DXX720912 EHT720912 ERP720912 FBL720912 FLH720912 FVD720912 GEZ720912 GOV720912 GYR720912 HIN720912 HSJ720912 ICF720912 IMB720912 IVX720912 JFT720912 JPP720912 JZL720912 KJH720912 KTD720912 LCZ720912 LMV720912 LWR720912 MGN720912 MQJ720912 NAF720912 NKB720912 NTX720912 ODT720912 ONP720912 OXL720912 PHH720912 PRD720912 QAZ720912 QKV720912 QUR720912 REN720912 ROJ720912 RYF720912 SIB720912 SRX720912 TBT720912 TLP720912 TVL720912 UFH720912 UPD720912 UYZ720912 VIV720912 VSR720912 WCN720912 WMJ720912 WWF720912 X786448 JT786448 TP786448 ADL786448 ANH786448 AXD786448 BGZ786448 BQV786448 CAR786448 CKN786448 CUJ786448 DEF786448 DOB786448 DXX786448 EHT786448 ERP786448 FBL786448 FLH786448 FVD786448 GEZ786448 GOV786448 GYR786448 HIN786448 HSJ786448 ICF786448 IMB786448 IVX786448 JFT786448 JPP786448 JZL786448 KJH786448 KTD786448 LCZ786448 LMV786448 LWR786448 MGN786448 MQJ786448 NAF786448 NKB786448 NTX786448 ODT786448 ONP786448 OXL786448 PHH786448 PRD786448 QAZ786448 QKV786448 QUR786448 REN786448 ROJ786448 RYF786448 SIB786448 SRX786448 TBT786448 TLP786448 TVL786448 UFH786448 UPD786448 UYZ786448 VIV786448 VSR786448 WCN786448 WMJ786448 WWF786448 X851984 JT851984 TP851984 ADL851984 ANH851984 AXD851984 BGZ851984 BQV851984 CAR851984 CKN851984 CUJ851984 DEF851984 DOB851984 DXX851984 EHT851984 ERP851984 FBL851984 FLH851984 FVD851984 GEZ851984 GOV851984 GYR851984 HIN851984 HSJ851984 ICF851984 IMB851984 IVX851984 JFT851984 JPP851984 JZL851984 KJH851984 KTD851984 LCZ851984 LMV851984 LWR851984 MGN851984 MQJ851984 NAF851984 NKB851984 NTX851984 ODT851984 ONP851984 OXL851984 PHH851984 PRD851984 QAZ851984 QKV851984 QUR851984 REN851984 ROJ851984 RYF851984 SIB851984 SRX851984 TBT851984 TLP851984 TVL851984 UFH851984 UPD851984 UYZ851984 VIV851984 VSR851984 WCN851984 WMJ851984 WWF851984 X917520 JT917520 TP917520 ADL917520 ANH917520 AXD917520 BGZ917520 BQV917520 CAR917520 CKN917520 CUJ917520 DEF917520 DOB917520 DXX917520 EHT917520 ERP917520 FBL917520 FLH917520 FVD917520 GEZ917520 GOV917520 GYR917520 HIN917520 HSJ917520 ICF917520 IMB917520 IVX917520 JFT917520 JPP917520 JZL917520 KJH917520 KTD917520 LCZ917520 LMV917520 LWR917520 MGN917520 MQJ917520 NAF917520 NKB917520 NTX917520 ODT917520 ONP917520 OXL917520 PHH917520 PRD917520 QAZ917520 QKV917520 QUR917520 REN917520 ROJ917520 RYF917520 SIB917520 SRX917520 TBT917520 TLP917520 TVL917520 UFH917520 UPD917520 UYZ917520 VIV917520 VSR917520 WCN917520 WMJ917520 WWF917520 X983056 JT983056 TP983056 ADL983056 ANH983056 AXD983056 BGZ983056 BQV983056 CAR983056 CKN983056 CUJ983056 DEF983056 DOB983056 DXX983056 EHT983056 ERP983056 FBL983056 FLH983056 FVD983056 GEZ983056 GOV983056 GYR983056 HIN983056 HSJ983056 ICF983056 IMB983056 IVX983056 JFT983056 JPP983056 JZL983056 KJH983056 KTD983056 LCZ983056 LMV983056 LWR983056 MGN983056 MQJ983056 NAF983056 NKB983056 NTX983056 ODT983056 ONP983056 OXL983056 PHH983056 PRD983056 QAZ983056 QKV983056 QUR983056 REN983056 ROJ983056 RYF983056 SIB983056 SRX983056 TBT983056 TLP983056 TVL983056 UFH983056 UPD983056 UYZ983056 VIV983056 VSR983056 WCN983056 WMJ983056 WWF983056 V18 JR18 TN18 ADJ18 ANF18 AXB18 BGX18 BQT18 CAP18 CKL18 CUH18 DED18 DNZ18 DXV18 EHR18 ERN18 FBJ18 FLF18 FVB18 GEX18 GOT18 GYP18 HIL18 HSH18 ICD18 ILZ18 IVV18 JFR18 JPN18 JZJ18 KJF18 KTB18 LCX18 LMT18 LWP18 MGL18 MQH18 NAD18 NJZ18 NTV18 ODR18 ONN18 OXJ18 PHF18 PRB18 QAX18 QKT18 QUP18 REL18 ROH18 RYD18 SHZ18 SRV18 TBR18 TLN18 TVJ18 UFF18 UPB18 UYX18 VIT18 VSP18 WCL18 WMH18 WWD18 V65554 JR65554 TN65554 ADJ65554 ANF65554 AXB65554 BGX65554 BQT65554 CAP65554 CKL65554 CUH65554 DED65554 DNZ65554 DXV65554 EHR65554 ERN65554 FBJ65554 FLF65554 FVB65554 GEX65554 GOT65554 GYP65554 HIL65554 HSH65554 ICD65554 ILZ65554 IVV65554 JFR65554 JPN65554 JZJ65554 KJF65554 KTB65554 LCX65554 LMT65554 LWP65554 MGL65554 MQH65554 NAD65554 NJZ65554 NTV65554 ODR65554 ONN65554 OXJ65554 PHF65554 PRB65554 QAX65554 QKT65554 QUP65554 REL65554 ROH65554 RYD65554 SHZ65554 SRV65554 TBR65554 TLN65554 TVJ65554 UFF65554 UPB65554 UYX65554 VIT65554 VSP65554 WCL65554 WMH65554 WWD65554 V131090 JR131090 TN131090 ADJ131090 ANF131090 AXB131090 BGX131090 BQT131090 CAP131090 CKL131090 CUH131090 DED131090 DNZ131090 DXV131090 EHR131090 ERN131090 FBJ131090 FLF131090 FVB131090 GEX131090 GOT131090 GYP131090 HIL131090 HSH131090 ICD131090 ILZ131090 IVV131090 JFR131090 JPN131090 JZJ131090 KJF131090 KTB131090 LCX131090 LMT131090 LWP131090 MGL131090 MQH131090 NAD131090 NJZ131090 NTV131090 ODR131090 ONN131090 OXJ131090 PHF131090 PRB131090 QAX131090 QKT131090 QUP131090 REL131090 ROH131090 RYD131090 SHZ131090 SRV131090 TBR131090 TLN131090 TVJ131090 UFF131090 UPB131090 UYX131090 VIT131090 VSP131090 WCL131090 WMH131090 WWD131090 V196626 JR196626 TN196626 ADJ196626 ANF196626 AXB196626 BGX196626 BQT196626 CAP196626 CKL196626 CUH196626 DED196626 DNZ196626 DXV196626 EHR196626 ERN196626 FBJ196626 FLF196626 FVB196626 GEX196626 GOT196626 GYP196626 HIL196626 HSH196626 ICD196626 ILZ196626 IVV196626 JFR196626 JPN196626 JZJ196626 KJF196626 KTB196626 LCX196626 LMT196626 LWP196626 MGL196626 MQH196626 NAD196626 NJZ196626 NTV196626 ODR196626 ONN196626 OXJ196626 PHF196626 PRB196626 QAX196626 QKT196626 QUP196626 REL196626 ROH196626 RYD196626 SHZ196626 SRV196626 TBR196626 TLN196626 TVJ196626 UFF196626 UPB196626 UYX196626 VIT196626 VSP196626 WCL196626 WMH196626 WWD196626 V262162 JR262162 TN262162 ADJ262162 ANF262162 AXB262162 BGX262162 BQT262162 CAP262162 CKL262162 CUH262162 DED262162 DNZ262162 DXV262162 EHR262162 ERN262162 FBJ262162 FLF262162 FVB262162 GEX262162 GOT262162 GYP262162 HIL262162 HSH262162 ICD262162 ILZ262162 IVV262162 JFR262162 JPN262162 JZJ262162 KJF262162 KTB262162 LCX262162 LMT262162 LWP262162 MGL262162 MQH262162 NAD262162 NJZ262162 NTV262162 ODR262162 ONN262162 OXJ262162 PHF262162 PRB262162 QAX262162 QKT262162 QUP262162 REL262162 ROH262162 RYD262162 SHZ262162 SRV262162 TBR262162 TLN262162 TVJ262162 UFF262162 UPB262162 UYX262162 VIT262162 VSP262162 WCL262162 WMH262162 WWD262162 V327698 JR327698 TN327698 ADJ327698 ANF327698 AXB327698 BGX327698 BQT327698 CAP327698 CKL327698 CUH327698 DED327698 DNZ327698 DXV327698 EHR327698 ERN327698 FBJ327698 FLF327698 FVB327698 GEX327698 GOT327698 GYP327698 HIL327698 HSH327698 ICD327698 ILZ327698 IVV327698 JFR327698 JPN327698 JZJ327698 KJF327698 KTB327698 LCX327698 LMT327698 LWP327698 MGL327698 MQH327698 NAD327698 NJZ327698 NTV327698 ODR327698 ONN327698 OXJ327698 PHF327698 PRB327698 QAX327698 QKT327698 QUP327698 REL327698 ROH327698 RYD327698 SHZ327698 SRV327698 TBR327698 TLN327698 TVJ327698 UFF327698 UPB327698 UYX327698 VIT327698 VSP327698 WCL327698 WMH327698 WWD327698 V393234 JR393234 TN393234 ADJ393234 ANF393234 AXB393234 BGX393234 BQT393234 CAP393234 CKL393234 CUH393234 DED393234 DNZ393234 DXV393234 EHR393234 ERN393234 FBJ393234 FLF393234 FVB393234 GEX393234 GOT393234 GYP393234 HIL393234 HSH393234 ICD393234 ILZ393234 IVV393234 JFR393234 JPN393234 JZJ393234 KJF393234 KTB393234 LCX393234 LMT393234 LWP393234 MGL393234 MQH393234 NAD393234 NJZ393234 NTV393234 ODR393234 ONN393234 OXJ393234 PHF393234 PRB393234 QAX393234 QKT393234 QUP393234 REL393234 ROH393234 RYD393234 SHZ393234 SRV393234 TBR393234 TLN393234 TVJ393234 UFF393234 UPB393234 UYX393234 VIT393234 VSP393234 WCL393234 WMH393234 WWD393234 V458770 JR458770 TN458770 ADJ458770 ANF458770 AXB458770 BGX458770 BQT458770 CAP458770 CKL458770 CUH458770 DED458770 DNZ458770 DXV458770 EHR458770 ERN458770 FBJ458770 FLF458770 FVB458770 GEX458770 GOT458770 GYP458770 HIL458770 HSH458770 ICD458770 ILZ458770 IVV458770 JFR458770 JPN458770 JZJ458770 KJF458770 KTB458770 LCX458770 LMT458770 LWP458770 MGL458770 MQH458770 NAD458770 NJZ458770 NTV458770 ODR458770 ONN458770 OXJ458770 PHF458770 PRB458770 QAX458770 QKT458770 QUP458770 REL458770 ROH458770 RYD458770 SHZ458770 SRV458770 TBR458770 TLN458770 TVJ458770 UFF458770 UPB458770 UYX458770 VIT458770 VSP458770 WCL458770 WMH458770 WWD458770 V524306 JR524306 TN524306 ADJ524306 ANF524306 AXB524306 BGX524306 BQT524306 CAP524306 CKL524306 CUH524306 DED524306 DNZ524306 DXV524306 EHR524306 ERN524306 FBJ524306 FLF524306 FVB524306 GEX524306 GOT524306 GYP524306 HIL524306 HSH524306 ICD524306 ILZ524306 IVV524306 JFR524306 JPN524306 JZJ524306 KJF524306 KTB524306 LCX524306 LMT524306 LWP524306 MGL524306 MQH524306 NAD524306 NJZ524306 NTV524306 ODR524306 ONN524306 OXJ524306 PHF524306 PRB524306 QAX524306 QKT524306 QUP524306 REL524306 ROH524306 RYD524306 SHZ524306 SRV524306 TBR524306 TLN524306 TVJ524306 UFF524306 UPB524306 UYX524306 VIT524306 VSP524306 WCL524306 WMH524306 WWD524306 V589842 JR589842 TN589842 ADJ589842 ANF589842 AXB589842 BGX589842 BQT589842 CAP589842 CKL589842 CUH589842 DED589842 DNZ589842 DXV589842 EHR589842 ERN589842 FBJ589842 FLF589842 FVB589842 GEX589842 GOT589842 GYP589842 HIL589842 HSH589842 ICD589842 ILZ589842 IVV589842 JFR589842 JPN589842 JZJ589842 KJF589842 KTB589842 LCX589842 LMT589842 LWP589842 MGL589842 MQH589842 NAD589842 NJZ589842 NTV589842 ODR589842 ONN589842 OXJ589842 PHF589842 PRB589842 QAX589842 QKT589842 QUP589842 REL589842 ROH589842 RYD589842 SHZ589842 SRV589842 TBR589842 TLN589842 TVJ589842 UFF589842 UPB589842 UYX589842 VIT589842 VSP589842 WCL589842 WMH589842 WWD589842 V655378 JR655378 TN655378 ADJ655378 ANF655378 AXB655378 BGX655378 BQT655378 CAP655378 CKL655378 CUH655378 DED655378 DNZ655378 DXV655378 EHR655378 ERN655378 FBJ655378 FLF655378 FVB655378 GEX655378 GOT655378 GYP655378 HIL655378 HSH655378 ICD655378 ILZ655378 IVV655378 JFR655378 JPN655378 JZJ655378 KJF655378 KTB655378 LCX655378 LMT655378 LWP655378 MGL655378 MQH655378 NAD655378 NJZ655378 NTV655378 ODR655378 ONN655378 OXJ655378 PHF655378 PRB655378 QAX655378 QKT655378 QUP655378 REL655378 ROH655378 RYD655378 SHZ655378 SRV655378 TBR655378 TLN655378 TVJ655378 UFF655378 UPB655378 UYX655378 VIT655378 VSP655378 WCL655378 WMH655378 WWD655378 V720914 JR720914 TN720914 ADJ720914 ANF720914 AXB720914 BGX720914 BQT720914 CAP720914 CKL720914 CUH720914 DED720914 DNZ720914 DXV720914 EHR720914 ERN720914 FBJ720914 FLF720914 FVB720914 GEX720914 GOT720914 GYP720914 HIL720914 HSH720914 ICD720914 ILZ720914 IVV720914 JFR720914 JPN720914 JZJ720914 KJF720914 KTB720914 LCX720914 LMT720914 LWP720914 MGL720914 MQH720914 NAD720914 NJZ720914 NTV720914 ODR720914 ONN720914 OXJ720914 PHF720914 PRB720914 QAX720914 QKT720914 QUP720914 REL720914 ROH720914 RYD720914 SHZ720914 SRV720914 TBR720914 TLN720914 TVJ720914 UFF720914 UPB720914 UYX720914 VIT720914 VSP720914 WCL720914 WMH720914 WWD720914 V786450 JR786450 TN786450 ADJ786450 ANF786450 AXB786450 BGX786450 BQT786450 CAP786450 CKL786450 CUH786450 DED786450 DNZ786450 DXV786450 EHR786450 ERN786450 FBJ786450 FLF786450 FVB786450 GEX786450 GOT786450 GYP786450 HIL786450 HSH786450 ICD786450 ILZ786450 IVV786450 JFR786450 JPN786450 JZJ786450 KJF786450 KTB786450 LCX786450 LMT786450 LWP786450 MGL786450 MQH786450 NAD786450 NJZ786450 NTV786450 ODR786450 ONN786450 OXJ786450 PHF786450 PRB786450 QAX786450 QKT786450 QUP786450 REL786450 ROH786450 RYD786450 SHZ786450 SRV786450 TBR786450 TLN786450 TVJ786450 UFF786450 UPB786450 UYX786450 VIT786450 VSP786450 WCL786450 WMH786450 WWD786450 V851986 JR851986 TN851986 ADJ851986 ANF851986 AXB851986 BGX851986 BQT851986 CAP851986 CKL851986 CUH851986 DED851986 DNZ851986 DXV851986 EHR851986 ERN851986 FBJ851986 FLF851986 FVB851986 GEX851986 GOT851986 GYP851986 HIL851986 HSH851986 ICD851986 ILZ851986 IVV851986 JFR851986 JPN851986 JZJ851986 KJF851986 KTB851986 LCX851986 LMT851986 LWP851986 MGL851986 MQH851986 NAD851986 NJZ851986 NTV851986 ODR851986 ONN851986 OXJ851986 PHF851986 PRB851986 QAX851986 QKT851986 QUP851986 REL851986 ROH851986 RYD851986 SHZ851986 SRV851986 TBR851986 TLN851986 TVJ851986 UFF851986 UPB851986 UYX851986 VIT851986 VSP851986 WCL851986 WMH851986 WWD851986 V917522 JR917522 TN917522 ADJ917522 ANF917522 AXB917522 BGX917522 BQT917522 CAP917522 CKL917522 CUH917522 DED917522 DNZ917522 DXV917522 EHR917522 ERN917522 FBJ917522 FLF917522 FVB917522 GEX917522 GOT917522 GYP917522 HIL917522 HSH917522 ICD917522 ILZ917522 IVV917522 JFR917522 JPN917522 JZJ917522 KJF917522 KTB917522 LCX917522 LMT917522 LWP917522 MGL917522 MQH917522 NAD917522 NJZ917522 NTV917522 ODR917522 ONN917522 OXJ917522 PHF917522 PRB917522 QAX917522 QKT917522 QUP917522 REL917522 ROH917522 RYD917522 SHZ917522 SRV917522 TBR917522 TLN917522 TVJ917522 UFF917522 UPB917522 UYX917522 VIT917522 VSP917522 WCL917522 WMH917522 WWD917522 V983058 JR983058 TN983058 ADJ983058 ANF983058 AXB983058 BGX983058 BQT983058 CAP983058 CKL983058 CUH983058 DED983058 DNZ983058 DXV983058 EHR983058 ERN983058 FBJ983058 FLF983058 FVB983058 GEX983058 GOT983058 GYP983058 HIL983058 HSH983058 ICD983058 ILZ983058 IVV983058 JFR983058 JPN983058 JZJ983058 KJF983058 KTB983058 LCX983058 LMT983058 LWP983058 MGL983058 MQH983058 NAD983058 NJZ983058 NTV983058 ODR983058 ONN983058 OXJ983058 PHF983058 PRB983058 QAX983058 QKT983058 QUP983058 REL983058 ROH983058 RYD983058 SHZ983058 SRV983058 TBR983058 TLN983058 TVJ983058 UFF983058 UPB983058 UYX983058 VIT983058 VSP983058 WCL983058 WMH983058 WWD983058 X18 JT18 TP18 ADL18 ANH18 AXD18 BGZ18 BQV18 CAR18 CKN18 CUJ18 DEF18 DOB18 DXX18 EHT18 ERP18 FBL18 FLH18 FVD18 GEZ18 GOV18 GYR18 HIN18 HSJ18 ICF18 IMB18 IVX18 JFT18 JPP18 JZL18 KJH18 KTD18 LCZ18 LMV18 LWR18 MGN18 MQJ18 NAF18 NKB18 NTX18 ODT18 ONP18 OXL18 PHH18 PRD18 QAZ18 QKV18 QUR18 REN18 ROJ18 RYF18 SIB18 SRX18 TBT18 TLP18 TVL18 UFH18 UPD18 UYZ18 VIV18 VSR18 WCN18 WMJ18 WWF18 X65554 JT65554 TP65554 ADL65554 ANH65554 AXD65554 BGZ65554 BQV65554 CAR65554 CKN65554 CUJ65554 DEF65554 DOB65554 DXX65554 EHT65554 ERP65554 FBL65554 FLH65554 FVD65554 GEZ65554 GOV65554 GYR65554 HIN65554 HSJ65554 ICF65554 IMB65554 IVX65554 JFT65554 JPP65554 JZL65554 KJH65554 KTD65554 LCZ65554 LMV65554 LWR65554 MGN65554 MQJ65554 NAF65554 NKB65554 NTX65554 ODT65554 ONP65554 OXL65554 PHH65554 PRD65554 QAZ65554 QKV65554 QUR65554 REN65554 ROJ65554 RYF65554 SIB65554 SRX65554 TBT65554 TLP65554 TVL65554 UFH65554 UPD65554 UYZ65554 VIV65554 VSR65554 WCN65554 WMJ65554 WWF65554 X131090 JT131090 TP131090 ADL131090 ANH131090 AXD131090 BGZ131090 BQV131090 CAR131090 CKN131090 CUJ131090 DEF131090 DOB131090 DXX131090 EHT131090 ERP131090 FBL131090 FLH131090 FVD131090 GEZ131090 GOV131090 GYR131090 HIN131090 HSJ131090 ICF131090 IMB131090 IVX131090 JFT131090 JPP131090 JZL131090 KJH131090 KTD131090 LCZ131090 LMV131090 LWR131090 MGN131090 MQJ131090 NAF131090 NKB131090 NTX131090 ODT131090 ONP131090 OXL131090 PHH131090 PRD131090 QAZ131090 QKV131090 QUR131090 REN131090 ROJ131090 RYF131090 SIB131090 SRX131090 TBT131090 TLP131090 TVL131090 UFH131090 UPD131090 UYZ131090 VIV131090 VSR131090 WCN131090 WMJ131090 WWF131090 X196626 JT196626 TP196626 ADL196626 ANH196626 AXD196626 BGZ196626 BQV196626 CAR196626 CKN196626 CUJ196626 DEF196626 DOB196626 DXX196626 EHT196626 ERP196626 FBL196626 FLH196626 FVD196626 GEZ196626 GOV196626 GYR196626 HIN196626 HSJ196626 ICF196626 IMB196626 IVX196626 JFT196626 JPP196626 JZL196626 KJH196626 KTD196626 LCZ196626 LMV196626 LWR196626 MGN196626 MQJ196626 NAF196626 NKB196626 NTX196626 ODT196626 ONP196626 OXL196626 PHH196626 PRD196626 QAZ196626 QKV196626 QUR196626 REN196626 ROJ196626 RYF196626 SIB196626 SRX196626 TBT196626 TLP196626 TVL196626 UFH196626 UPD196626 UYZ196626 VIV196626 VSR196626 WCN196626 WMJ196626 WWF196626 X262162 JT262162 TP262162 ADL262162 ANH262162 AXD262162 BGZ262162 BQV262162 CAR262162 CKN262162 CUJ262162 DEF262162 DOB262162 DXX262162 EHT262162 ERP262162 FBL262162 FLH262162 FVD262162 GEZ262162 GOV262162 GYR262162 HIN262162 HSJ262162 ICF262162 IMB262162 IVX262162 JFT262162 JPP262162 JZL262162 KJH262162 KTD262162 LCZ262162 LMV262162 LWR262162 MGN262162 MQJ262162 NAF262162 NKB262162 NTX262162 ODT262162 ONP262162 OXL262162 PHH262162 PRD262162 QAZ262162 QKV262162 QUR262162 REN262162 ROJ262162 RYF262162 SIB262162 SRX262162 TBT262162 TLP262162 TVL262162 UFH262162 UPD262162 UYZ262162 VIV262162 VSR262162 WCN262162 WMJ262162 WWF262162 X327698 JT327698 TP327698 ADL327698 ANH327698 AXD327698 BGZ327698 BQV327698 CAR327698 CKN327698 CUJ327698 DEF327698 DOB327698 DXX327698 EHT327698 ERP327698 FBL327698 FLH327698 FVD327698 GEZ327698 GOV327698 GYR327698 HIN327698 HSJ327698 ICF327698 IMB327698 IVX327698 JFT327698 JPP327698 JZL327698 KJH327698 KTD327698 LCZ327698 LMV327698 LWR327698 MGN327698 MQJ327698 NAF327698 NKB327698 NTX327698 ODT327698 ONP327698 OXL327698 PHH327698 PRD327698 QAZ327698 QKV327698 QUR327698 REN327698 ROJ327698 RYF327698 SIB327698 SRX327698 TBT327698 TLP327698 TVL327698 UFH327698 UPD327698 UYZ327698 VIV327698 VSR327698 WCN327698 WMJ327698 WWF327698 X393234 JT393234 TP393234 ADL393234 ANH393234 AXD393234 BGZ393234 BQV393234 CAR393234 CKN393234 CUJ393234 DEF393234 DOB393234 DXX393234 EHT393234 ERP393234 FBL393234 FLH393234 FVD393234 GEZ393234 GOV393234 GYR393234 HIN393234 HSJ393234 ICF393234 IMB393234 IVX393234 JFT393234 JPP393234 JZL393234 KJH393234 KTD393234 LCZ393234 LMV393234 LWR393234 MGN393234 MQJ393234 NAF393234 NKB393234 NTX393234 ODT393234 ONP393234 OXL393234 PHH393234 PRD393234 QAZ393234 QKV393234 QUR393234 REN393234 ROJ393234 RYF393234 SIB393234 SRX393234 TBT393234 TLP393234 TVL393234 UFH393234 UPD393234 UYZ393234 VIV393234 VSR393234 WCN393234 WMJ393234 WWF393234 X458770 JT458770 TP458770 ADL458770 ANH458770 AXD458770 BGZ458770 BQV458770 CAR458770 CKN458770 CUJ458770 DEF458770 DOB458770 DXX458770 EHT458770 ERP458770 FBL458770 FLH458770 FVD458770 GEZ458770 GOV458770 GYR458770 HIN458770 HSJ458770 ICF458770 IMB458770 IVX458770 JFT458770 JPP458770 JZL458770 KJH458770 KTD458770 LCZ458770 LMV458770 LWR458770 MGN458770 MQJ458770 NAF458770 NKB458770 NTX458770 ODT458770 ONP458770 OXL458770 PHH458770 PRD458770 QAZ458770 QKV458770 QUR458770 REN458770 ROJ458770 RYF458770 SIB458770 SRX458770 TBT458770 TLP458770 TVL458770 UFH458770 UPD458770 UYZ458770 VIV458770 VSR458770 WCN458770 WMJ458770 WWF458770 X524306 JT524306 TP524306 ADL524306 ANH524306 AXD524306 BGZ524306 BQV524306 CAR524306 CKN524306 CUJ524306 DEF524306 DOB524306 DXX524306 EHT524306 ERP524306 FBL524306 FLH524306 FVD524306 GEZ524306 GOV524306 GYR524306 HIN524306 HSJ524306 ICF524306 IMB524306 IVX524306 JFT524306 JPP524306 JZL524306 KJH524306 KTD524306 LCZ524306 LMV524306 LWR524306 MGN524306 MQJ524306 NAF524306 NKB524306 NTX524306 ODT524306 ONP524306 OXL524306 PHH524306 PRD524306 QAZ524306 QKV524306 QUR524306 REN524306 ROJ524306 RYF524306 SIB524306 SRX524306 TBT524306 TLP524306 TVL524306 UFH524306 UPD524306 UYZ524306 VIV524306 VSR524306 WCN524306 WMJ524306 WWF524306 X589842 JT589842 TP589842 ADL589842 ANH589842 AXD589842 BGZ589842 BQV589842 CAR589842 CKN589842 CUJ589842 DEF589842 DOB589842 DXX589842 EHT589842 ERP589842 FBL589842 FLH589842 FVD589842 GEZ589842 GOV589842 GYR589842 HIN589842 HSJ589842 ICF589842 IMB589842 IVX589842 JFT589842 JPP589842 JZL589842 KJH589842 KTD589842 LCZ589842 LMV589842 LWR589842 MGN589842 MQJ589842 NAF589842 NKB589842 NTX589842 ODT589842 ONP589842 OXL589842 PHH589842 PRD589842 QAZ589842 QKV589842 QUR589842 REN589842 ROJ589842 RYF589842 SIB589842 SRX589842 TBT589842 TLP589842 TVL589842 UFH589842 UPD589842 UYZ589842 VIV589842 VSR589842 WCN589842 WMJ589842 WWF589842 X655378 JT655378 TP655378 ADL655378 ANH655378 AXD655378 BGZ655378 BQV655378 CAR655378 CKN655378 CUJ655378 DEF655378 DOB655378 DXX655378 EHT655378 ERP655378 FBL655378 FLH655378 FVD655378 GEZ655378 GOV655378 GYR655378 HIN655378 HSJ655378 ICF655378 IMB655378 IVX655378 JFT655378 JPP655378 JZL655378 KJH655378 KTD655378 LCZ655378 LMV655378 LWR655378 MGN655378 MQJ655378 NAF655378 NKB655378 NTX655378 ODT655378 ONP655378 OXL655378 PHH655378 PRD655378 QAZ655378 QKV655378 QUR655378 REN655378 ROJ655378 RYF655378 SIB655378 SRX655378 TBT655378 TLP655378 TVL655378 UFH655378 UPD655378 UYZ655378 VIV655378 VSR655378 WCN655378 WMJ655378 WWF655378 X720914 JT720914 TP720914 ADL720914 ANH720914 AXD720914 BGZ720914 BQV720914 CAR720914 CKN720914 CUJ720914 DEF720914 DOB720914 DXX720914 EHT720914 ERP720914 FBL720914 FLH720914 FVD720914 GEZ720914 GOV720914 GYR720914 HIN720914 HSJ720914 ICF720914 IMB720914 IVX720914 JFT720914 JPP720914 JZL720914 KJH720914 KTD720914 LCZ720914 LMV720914 LWR720914 MGN720914 MQJ720914 NAF720914 NKB720914 NTX720914 ODT720914 ONP720914 OXL720914 PHH720914 PRD720914 QAZ720914 QKV720914 QUR720914 REN720914 ROJ720914 RYF720914 SIB720914 SRX720914 TBT720914 TLP720914 TVL720914 UFH720914 UPD720914 UYZ720914 VIV720914 VSR720914 WCN720914 WMJ720914 WWF720914 X786450 JT786450 TP786450 ADL786450 ANH786450 AXD786450 BGZ786450 BQV786450 CAR786450 CKN786450 CUJ786450 DEF786450 DOB786450 DXX786450 EHT786450 ERP786450 FBL786450 FLH786450 FVD786450 GEZ786450 GOV786450 GYR786450 HIN786450 HSJ786450 ICF786450 IMB786450 IVX786450 JFT786450 JPP786450 JZL786450 KJH786450 KTD786450 LCZ786450 LMV786450 LWR786450 MGN786450 MQJ786450 NAF786450 NKB786450 NTX786450 ODT786450 ONP786450 OXL786450 PHH786450 PRD786450 QAZ786450 QKV786450 QUR786450 REN786450 ROJ786450 RYF786450 SIB786450 SRX786450 TBT786450 TLP786450 TVL786450 UFH786450 UPD786450 UYZ786450 VIV786450 VSR786450 WCN786450 WMJ786450 WWF786450 X851986 JT851986 TP851986 ADL851986 ANH851986 AXD851986 BGZ851986 BQV851986 CAR851986 CKN851986 CUJ851986 DEF851986 DOB851986 DXX851986 EHT851986 ERP851986 FBL851986 FLH851986 FVD851986 GEZ851986 GOV851986 GYR851986 HIN851986 HSJ851986 ICF851986 IMB851986 IVX851986 JFT851986 JPP851986 JZL851986 KJH851986 KTD851986 LCZ851986 LMV851986 LWR851986 MGN851986 MQJ851986 NAF851986 NKB851986 NTX851986 ODT851986 ONP851986 OXL851986 PHH851986 PRD851986 QAZ851986 QKV851986 QUR851986 REN851986 ROJ851986 RYF851986 SIB851986 SRX851986 TBT851986 TLP851986 TVL851986 UFH851986 UPD851986 UYZ851986 VIV851986 VSR851986 WCN851986 WMJ851986 WWF851986 X917522 JT917522 TP917522 ADL917522 ANH917522 AXD917522 BGZ917522 BQV917522 CAR917522 CKN917522 CUJ917522 DEF917522 DOB917522 DXX917522 EHT917522 ERP917522 FBL917522 FLH917522 FVD917522 GEZ917522 GOV917522 GYR917522 HIN917522 HSJ917522 ICF917522 IMB917522 IVX917522 JFT917522 JPP917522 JZL917522 KJH917522 KTD917522 LCZ917522 LMV917522 LWR917522 MGN917522 MQJ917522 NAF917522 NKB917522 NTX917522 ODT917522 ONP917522 OXL917522 PHH917522 PRD917522 QAZ917522 QKV917522 QUR917522 REN917522 ROJ917522 RYF917522 SIB917522 SRX917522 TBT917522 TLP917522 TVL917522 UFH917522 UPD917522 UYZ917522 VIV917522 VSR917522 WCN917522 WMJ917522 WWF917522 X983058 JT983058 TP983058 ADL983058 ANH983058 AXD983058 BGZ983058 BQV983058 CAR983058 CKN983058 CUJ983058 DEF983058 DOB983058 DXX983058 EHT983058 ERP983058 FBL983058 FLH983058 FVD983058 GEZ983058 GOV983058 GYR983058 HIN983058 HSJ983058 ICF983058 IMB983058 IVX983058 JFT983058 JPP983058 JZL983058 KJH983058 KTD983058 LCZ983058 LMV983058 LWR983058 MGN983058 MQJ983058 NAF983058 NKB983058 NTX983058 ODT983058 ONP983058 OXL983058 PHH983058 PRD983058 QAZ983058 QKV983058 QUR983058 REN983058 ROJ983058 RYF983058 SIB983058 SRX983058 TBT983058 TLP983058 TVL983058 UFH983058 UPD983058 UYZ983058 VIV983058 VSR983058 WCN983058 WMJ983058 WWF983058 V20 JR20 TN20 ADJ20 ANF20 AXB20 BGX20 BQT20 CAP20 CKL20 CUH20 DED20 DNZ20 DXV20 EHR20 ERN20 FBJ20 FLF20 FVB20 GEX20 GOT20 GYP20 HIL20 HSH20 ICD20 ILZ20 IVV20 JFR20 JPN20 JZJ20 KJF20 KTB20 LCX20 LMT20 LWP20 MGL20 MQH20 NAD20 NJZ20 NTV20 ODR20 ONN20 OXJ20 PHF20 PRB20 QAX20 QKT20 QUP20 REL20 ROH20 RYD20 SHZ20 SRV20 TBR20 TLN20 TVJ20 UFF20 UPB20 UYX20 VIT20 VSP20 WCL20 WMH20 WWD20 V65556 JR65556 TN65556 ADJ65556 ANF65556 AXB65556 BGX65556 BQT65556 CAP65556 CKL65556 CUH65556 DED65556 DNZ65556 DXV65556 EHR65556 ERN65556 FBJ65556 FLF65556 FVB65556 GEX65556 GOT65556 GYP65556 HIL65556 HSH65556 ICD65556 ILZ65556 IVV65556 JFR65556 JPN65556 JZJ65556 KJF65556 KTB65556 LCX65556 LMT65556 LWP65556 MGL65556 MQH65556 NAD65556 NJZ65556 NTV65556 ODR65556 ONN65556 OXJ65556 PHF65556 PRB65556 QAX65556 QKT65556 QUP65556 REL65556 ROH65556 RYD65556 SHZ65556 SRV65556 TBR65556 TLN65556 TVJ65556 UFF65556 UPB65556 UYX65556 VIT65556 VSP65556 WCL65556 WMH65556 WWD65556 V131092 JR131092 TN131092 ADJ131092 ANF131092 AXB131092 BGX131092 BQT131092 CAP131092 CKL131092 CUH131092 DED131092 DNZ131092 DXV131092 EHR131092 ERN131092 FBJ131092 FLF131092 FVB131092 GEX131092 GOT131092 GYP131092 HIL131092 HSH131092 ICD131092 ILZ131092 IVV131092 JFR131092 JPN131092 JZJ131092 KJF131092 KTB131092 LCX131092 LMT131092 LWP131092 MGL131092 MQH131092 NAD131092 NJZ131092 NTV131092 ODR131092 ONN131092 OXJ131092 PHF131092 PRB131092 QAX131092 QKT131092 QUP131092 REL131092 ROH131092 RYD131092 SHZ131092 SRV131092 TBR131092 TLN131092 TVJ131092 UFF131092 UPB131092 UYX131092 VIT131092 VSP131092 WCL131092 WMH131092 WWD131092 V196628 JR196628 TN196628 ADJ196628 ANF196628 AXB196628 BGX196628 BQT196628 CAP196628 CKL196628 CUH196628 DED196628 DNZ196628 DXV196628 EHR196628 ERN196628 FBJ196628 FLF196628 FVB196628 GEX196628 GOT196628 GYP196628 HIL196628 HSH196628 ICD196628 ILZ196628 IVV196628 JFR196628 JPN196628 JZJ196628 KJF196628 KTB196628 LCX196628 LMT196628 LWP196628 MGL196628 MQH196628 NAD196628 NJZ196628 NTV196628 ODR196628 ONN196628 OXJ196628 PHF196628 PRB196628 QAX196628 QKT196628 QUP196628 REL196628 ROH196628 RYD196628 SHZ196628 SRV196628 TBR196628 TLN196628 TVJ196628 UFF196628 UPB196628 UYX196628 VIT196628 VSP196628 WCL196628 WMH196628 WWD196628 V262164 JR262164 TN262164 ADJ262164 ANF262164 AXB262164 BGX262164 BQT262164 CAP262164 CKL262164 CUH262164 DED262164 DNZ262164 DXV262164 EHR262164 ERN262164 FBJ262164 FLF262164 FVB262164 GEX262164 GOT262164 GYP262164 HIL262164 HSH262164 ICD262164 ILZ262164 IVV262164 JFR262164 JPN262164 JZJ262164 KJF262164 KTB262164 LCX262164 LMT262164 LWP262164 MGL262164 MQH262164 NAD262164 NJZ262164 NTV262164 ODR262164 ONN262164 OXJ262164 PHF262164 PRB262164 QAX262164 QKT262164 QUP262164 REL262164 ROH262164 RYD262164 SHZ262164 SRV262164 TBR262164 TLN262164 TVJ262164 UFF262164 UPB262164 UYX262164 VIT262164 VSP262164 WCL262164 WMH262164 WWD262164 V327700 JR327700 TN327700 ADJ327700 ANF327700 AXB327700 BGX327700 BQT327700 CAP327700 CKL327700 CUH327700 DED327700 DNZ327700 DXV327700 EHR327700 ERN327700 FBJ327700 FLF327700 FVB327700 GEX327700 GOT327700 GYP327700 HIL327700 HSH327700 ICD327700 ILZ327700 IVV327700 JFR327700 JPN327700 JZJ327700 KJF327700 KTB327700 LCX327700 LMT327700 LWP327700 MGL327700 MQH327700 NAD327700 NJZ327700 NTV327700 ODR327700 ONN327700 OXJ327700 PHF327700 PRB327700 QAX327700 QKT327700 QUP327700 REL327700 ROH327700 RYD327700 SHZ327700 SRV327700 TBR327700 TLN327700 TVJ327700 UFF327700 UPB327700 UYX327700 VIT327700 VSP327700 WCL327700 WMH327700 WWD327700 V393236 JR393236 TN393236 ADJ393236 ANF393236 AXB393236 BGX393236 BQT393236 CAP393236 CKL393236 CUH393236 DED393236 DNZ393236 DXV393236 EHR393236 ERN393236 FBJ393236 FLF393236 FVB393236 GEX393236 GOT393236 GYP393236 HIL393236 HSH393236 ICD393236 ILZ393236 IVV393236 JFR393236 JPN393236 JZJ393236 KJF393236 KTB393236 LCX393236 LMT393236 LWP393236 MGL393236 MQH393236 NAD393236 NJZ393236 NTV393236 ODR393236 ONN393236 OXJ393236 PHF393236 PRB393236 QAX393236 QKT393236 QUP393236 REL393236 ROH393236 RYD393236 SHZ393236 SRV393236 TBR393236 TLN393236 TVJ393236 UFF393236 UPB393236 UYX393236 VIT393236 VSP393236 WCL393236 WMH393236 WWD393236 V458772 JR458772 TN458772 ADJ458772 ANF458772 AXB458772 BGX458772 BQT458772 CAP458772 CKL458772 CUH458772 DED458772 DNZ458772 DXV458772 EHR458772 ERN458772 FBJ458772 FLF458772 FVB458772 GEX458772 GOT458772 GYP458772 HIL458772 HSH458772 ICD458772 ILZ458772 IVV458772 JFR458772 JPN458772 JZJ458772 KJF458772 KTB458772 LCX458772 LMT458772 LWP458772 MGL458772 MQH458772 NAD458772 NJZ458772 NTV458772 ODR458772 ONN458772 OXJ458772 PHF458772 PRB458772 QAX458772 QKT458772 QUP458772 REL458772 ROH458772 RYD458772 SHZ458772 SRV458772 TBR458772 TLN458772 TVJ458772 UFF458772 UPB458772 UYX458772 VIT458772 VSP458772 WCL458772 WMH458772 WWD458772 V524308 JR524308 TN524308 ADJ524308 ANF524308 AXB524308 BGX524308 BQT524308 CAP524308 CKL524308 CUH524308 DED524308 DNZ524308 DXV524308 EHR524308 ERN524308 FBJ524308 FLF524308 FVB524308 GEX524308 GOT524308 GYP524308 HIL524308 HSH524308 ICD524308 ILZ524308 IVV524308 JFR524308 JPN524308 JZJ524308 KJF524308 KTB524308 LCX524308 LMT524308 LWP524308 MGL524308 MQH524308 NAD524308 NJZ524308 NTV524308 ODR524308 ONN524308 OXJ524308 PHF524308 PRB524308 QAX524308 QKT524308 QUP524308 REL524308 ROH524308 RYD524308 SHZ524308 SRV524308 TBR524308 TLN524308 TVJ524308 UFF524308 UPB524308 UYX524308 VIT524308 VSP524308 WCL524308 WMH524308 WWD524308 V589844 JR589844 TN589844 ADJ589844 ANF589844 AXB589844 BGX589844 BQT589844 CAP589844 CKL589844 CUH589844 DED589844 DNZ589844 DXV589844 EHR589844 ERN589844 FBJ589844 FLF589844 FVB589844 GEX589844 GOT589844 GYP589844 HIL589844 HSH589844 ICD589844 ILZ589844 IVV589844 JFR589844 JPN589844 JZJ589844 KJF589844 KTB589844 LCX589844 LMT589844 LWP589844 MGL589844 MQH589844 NAD589844 NJZ589844 NTV589844 ODR589844 ONN589844 OXJ589844 PHF589844 PRB589844 QAX589844 QKT589844 QUP589844 REL589844 ROH589844 RYD589844 SHZ589844 SRV589844 TBR589844 TLN589844 TVJ589844 UFF589844 UPB589844 UYX589844 VIT589844 VSP589844 WCL589844 WMH589844 WWD589844 V655380 JR655380 TN655380 ADJ655380 ANF655380 AXB655380 BGX655380 BQT655380 CAP655380 CKL655380 CUH655380 DED655380 DNZ655380 DXV655380 EHR655380 ERN655380 FBJ655380 FLF655380 FVB655380 GEX655380 GOT655380 GYP655380 HIL655380 HSH655380 ICD655380 ILZ655380 IVV655380 JFR655380 JPN655380 JZJ655380 KJF655380 KTB655380 LCX655380 LMT655380 LWP655380 MGL655380 MQH655380 NAD655380 NJZ655380 NTV655380 ODR655380 ONN655380 OXJ655380 PHF655380 PRB655380 QAX655380 QKT655380 QUP655380 REL655380 ROH655380 RYD655380 SHZ655380 SRV655380 TBR655380 TLN655380 TVJ655380 UFF655380 UPB655380 UYX655380 VIT655380 VSP655380 WCL655380 WMH655380 WWD655380 V720916 JR720916 TN720916 ADJ720916 ANF720916 AXB720916 BGX720916 BQT720916 CAP720916 CKL720916 CUH720916 DED720916 DNZ720916 DXV720916 EHR720916 ERN720916 FBJ720916 FLF720916 FVB720916 GEX720916 GOT720916 GYP720916 HIL720916 HSH720916 ICD720916 ILZ720916 IVV720916 JFR720916 JPN720916 JZJ720916 KJF720916 KTB720916 LCX720916 LMT720916 LWP720916 MGL720916 MQH720916 NAD720916 NJZ720916 NTV720916 ODR720916 ONN720916 OXJ720916 PHF720916 PRB720916 QAX720916 QKT720916 QUP720916 REL720916 ROH720916 RYD720916 SHZ720916 SRV720916 TBR720916 TLN720916 TVJ720916 UFF720916 UPB720916 UYX720916 VIT720916 VSP720916 WCL720916 WMH720916 WWD720916 V786452 JR786452 TN786452 ADJ786452 ANF786452 AXB786452 BGX786452 BQT786452 CAP786452 CKL786452 CUH786452 DED786452 DNZ786452 DXV786452 EHR786452 ERN786452 FBJ786452 FLF786452 FVB786452 GEX786452 GOT786452 GYP786452 HIL786452 HSH786452 ICD786452 ILZ786452 IVV786452 JFR786452 JPN786452 JZJ786452 KJF786452 KTB786452 LCX786452 LMT786452 LWP786452 MGL786452 MQH786452 NAD786452 NJZ786452 NTV786452 ODR786452 ONN786452 OXJ786452 PHF786452 PRB786452 QAX786452 QKT786452 QUP786452 REL786452 ROH786452 RYD786452 SHZ786452 SRV786452 TBR786452 TLN786452 TVJ786452 UFF786452 UPB786452 UYX786452 VIT786452 VSP786452 WCL786452 WMH786452 WWD786452 V851988 JR851988 TN851988 ADJ851988 ANF851988 AXB851988 BGX851988 BQT851988 CAP851988 CKL851988 CUH851988 DED851988 DNZ851988 DXV851988 EHR851988 ERN851988 FBJ851988 FLF851988 FVB851988 GEX851988 GOT851988 GYP851988 HIL851988 HSH851988 ICD851988 ILZ851988 IVV851988 JFR851988 JPN851988 JZJ851988 KJF851988 KTB851988 LCX851988 LMT851988 LWP851988 MGL851988 MQH851988 NAD851988 NJZ851988 NTV851988 ODR851988 ONN851988 OXJ851988 PHF851988 PRB851988 QAX851988 QKT851988 QUP851988 REL851988 ROH851988 RYD851988 SHZ851988 SRV851988 TBR851988 TLN851988 TVJ851988 UFF851988 UPB851988 UYX851988 VIT851988 VSP851988 WCL851988 WMH851988 WWD851988 V917524 JR917524 TN917524 ADJ917524 ANF917524 AXB917524 BGX917524 BQT917524 CAP917524 CKL917524 CUH917524 DED917524 DNZ917524 DXV917524 EHR917524 ERN917524 FBJ917524 FLF917524 FVB917524 GEX917524 GOT917524 GYP917524 HIL917524 HSH917524 ICD917524 ILZ917524 IVV917524 JFR917524 JPN917524 JZJ917524 KJF917524 KTB917524 LCX917524 LMT917524 LWP917524 MGL917524 MQH917524 NAD917524 NJZ917524 NTV917524 ODR917524 ONN917524 OXJ917524 PHF917524 PRB917524 QAX917524 QKT917524 QUP917524 REL917524 ROH917524 RYD917524 SHZ917524 SRV917524 TBR917524 TLN917524 TVJ917524 UFF917524 UPB917524 UYX917524 VIT917524 VSP917524 WCL917524 WMH917524 WWD917524 V983060 JR983060 TN983060 ADJ983060 ANF983060 AXB983060 BGX983060 BQT983060 CAP983060 CKL983060 CUH983060 DED983060 DNZ983060 DXV983060 EHR983060 ERN983060 FBJ983060 FLF983060 FVB983060 GEX983060 GOT983060 GYP983060 HIL983060 HSH983060 ICD983060 ILZ983060 IVV983060 JFR983060 JPN983060 JZJ983060 KJF983060 KTB983060 LCX983060 LMT983060 LWP983060 MGL983060 MQH983060 NAD983060 NJZ983060 NTV983060 ODR983060 ONN983060 OXJ983060 PHF983060 PRB983060 QAX983060 QKT983060 QUP983060 REL983060 ROH983060 RYD983060 SHZ983060 SRV983060 TBR983060 TLN983060 TVJ983060 UFF983060 UPB983060 UYX983060 VIT983060 VSP983060 WCL983060 WMH983060 WWD983060 X20 JT20 TP20 ADL20 ANH20 AXD20 BGZ20 BQV20 CAR20 CKN20 CUJ20 DEF20 DOB20 DXX20 EHT20 ERP20 FBL20 FLH20 FVD20 GEZ20 GOV20 GYR20 HIN20 HSJ20 ICF20 IMB20 IVX20 JFT20 JPP20 JZL20 KJH20 KTD20 LCZ20 LMV20 LWR20 MGN20 MQJ20 NAF20 NKB20 NTX20 ODT20 ONP20 OXL20 PHH20 PRD20 QAZ20 QKV20 QUR20 REN20 ROJ20 RYF20 SIB20 SRX20 TBT20 TLP20 TVL20 UFH20 UPD20 UYZ20 VIV20 VSR20 WCN20 WMJ20 WWF20 X65556 JT65556 TP65556 ADL65556 ANH65556 AXD65556 BGZ65556 BQV65556 CAR65556 CKN65556 CUJ65556 DEF65556 DOB65556 DXX65556 EHT65556 ERP65556 FBL65556 FLH65556 FVD65556 GEZ65556 GOV65556 GYR65556 HIN65556 HSJ65556 ICF65556 IMB65556 IVX65556 JFT65556 JPP65556 JZL65556 KJH65556 KTD65556 LCZ65556 LMV65556 LWR65556 MGN65556 MQJ65556 NAF65556 NKB65556 NTX65556 ODT65556 ONP65556 OXL65556 PHH65556 PRD65556 QAZ65556 QKV65556 QUR65556 REN65556 ROJ65556 RYF65556 SIB65556 SRX65556 TBT65556 TLP65556 TVL65556 UFH65556 UPD65556 UYZ65556 VIV65556 VSR65556 WCN65556 WMJ65556 WWF65556 X131092 JT131092 TP131092 ADL131092 ANH131092 AXD131092 BGZ131092 BQV131092 CAR131092 CKN131092 CUJ131092 DEF131092 DOB131092 DXX131092 EHT131092 ERP131092 FBL131092 FLH131092 FVD131092 GEZ131092 GOV131092 GYR131092 HIN131092 HSJ131092 ICF131092 IMB131092 IVX131092 JFT131092 JPP131092 JZL131092 KJH131092 KTD131092 LCZ131092 LMV131092 LWR131092 MGN131092 MQJ131092 NAF131092 NKB131092 NTX131092 ODT131092 ONP131092 OXL131092 PHH131092 PRD131092 QAZ131092 QKV131092 QUR131092 REN131092 ROJ131092 RYF131092 SIB131092 SRX131092 TBT131092 TLP131092 TVL131092 UFH131092 UPD131092 UYZ131092 VIV131092 VSR131092 WCN131092 WMJ131092 WWF131092 X196628 JT196628 TP196628 ADL196628 ANH196628 AXD196628 BGZ196628 BQV196628 CAR196628 CKN196628 CUJ196628 DEF196628 DOB196628 DXX196628 EHT196628 ERP196628 FBL196628 FLH196628 FVD196628 GEZ196628 GOV196628 GYR196628 HIN196628 HSJ196628 ICF196628 IMB196628 IVX196628 JFT196628 JPP196628 JZL196628 KJH196628 KTD196628 LCZ196628 LMV196628 LWR196628 MGN196628 MQJ196628 NAF196628 NKB196628 NTX196628 ODT196628 ONP196628 OXL196628 PHH196628 PRD196628 QAZ196628 QKV196628 QUR196628 REN196628 ROJ196628 RYF196628 SIB196628 SRX196628 TBT196628 TLP196628 TVL196628 UFH196628 UPD196628 UYZ196628 VIV196628 VSR196628 WCN196628 WMJ196628 WWF196628 X262164 JT262164 TP262164 ADL262164 ANH262164 AXD262164 BGZ262164 BQV262164 CAR262164 CKN262164 CUJ262164 DEF262164 DOB262164 DXX262164 EHT262164 ERP262164 FBL262164 FLH262164 FVD262164 GEZ262164 GOV262164 GYR262164 HIN262164 HSJ262164 ICF262164 IMB262164 IVX262164 JFT262164 JPP262164 JZL262164 KJH262164 KTD262164 LCZ262164 LMV262164 LWR262164 MGN262164 MQJ262164 NAF262164 NKB262164 NTX262164 ODT262164 ONP262164 OXL262164 PHH262164 PRD262164 QAZ262164 QKV262164 QUR262164 REN262164 ROJ262164 RYF262164 SIB262164 SRX262164 TBT262164 TLP262164 TVL262164 UFH262164 UPD262164 UYZ262164 VIV262164 VSR262164 WCN262164 WMJ262164 WWF262164 X327700 JT327700 TP327700 ADL327700 ANH327700 AXD327700 BGZ327700 BQV327700 CAR327700 CKN327700 CUJ327700 DEF327700 DOB327700 DXX327700 EHT327700 ERP327700 FBL327700 FLH327700 FVD327700 GEZ327700 GOV327700 GYR327700 HIN327700 HSJ327700 ICF327700 IMB327700 IVX327700 JFT327700 JPP327700 JZL327700 KJH327700 KTD327700 LCZ327700 LMV327700 LWR327700 MGN327700 MQJ327700 NAF327700 NKB327700 NTX327700 ODT327700 ONP327700 OXL327700 PHH327700 PRD327700 QAZ327700 QKV327700 QUR327700 REN327700 ROJ327700 RYF327700 SIB327700 SRX327700 TBT327700 TLP327700 TVL327700 UFH327700 UPD327700 UYZ327700 VIV327700 VSR327700 WCN327700 WMJ327700 WWF327700 X393236 JT393236 TP393236 ADL393236 ANH393236 AXD393236 BGZ393236 BQV393236 CAR393236 CKN393236 CUJ393236 DEF393236 DOB393236 DXX393236 EHT393236 ERP393236 FBL393236 FLH393236 FVD393236 GEZ393236 GOV393236 GYR393236 HIN393236 HSJ393236 ICF393236 IMB393236 IVX393236 JFT393236 JPP393236 JZL393236 KJH393236 KTD393236 LCZ393236 LMV393236 LWR393236 MGN393236 MQJ393236 NAF393236 NKB393236 NTX393236 ODT393236 ONP393236 OXL393236 PHH393236 PRD393236 QAZ393236 QKV393236 QUR393236 REN393236 ROJ393236 RYF393236 SIB393236 SRX393236 TBT393236 TLP393236 TVL393236 UFH393236 UPD393236 UYZ393236 VIV393236 VSR393236 WCN393236 WMJ393236 WWF393236 X458772 JT458772 TP458772 ADL458772 ANH458772 AXD458772 BGZ458772 BQV458772 CAR458772 CKN458772 CUJ458772 DEF458772 DOB458772 DXX458772 EHT458772 ERP458772 FBL458772 FLH458772 FVD458772 GEZ458772 GOV458772 GYR458772 HIN458772 HSJ458772 ICF458772 IMB458772 IVX458772 JFT458772 JPP458772 JZL458772 KJH458772 KTD458772 LCZ458772 LMV458772 LWR458772 MGN458772 MQJ458772 NAF458772 NKB458772 NTX458772 ODT458772 ONP458772 OXL458772 PHH458772 PRD458772 QAZ458772 QKV458772 QUR458772 REN458772 ROJ458772 RYF458772 SIB458772 SRX458772 TBT458772 TLP458772 TVL458772 UFH458772 UPD458772 UYZ458772 VIV458772 VSR458772 WCN458772 WMJ458772 WWF458772 X524308 JT524308 TP524308 ADL524308 ANH524308 AXD524308 BGZ524308 BQV524308 CAR524308 CKN524308 CUJ524308 DEF524308 DOB524308 DXX524308 EHT524308 ERP524308 FBL524308 FLH524308 FVD524308 GEZ524308 GOV524308 GYR524308 HIN524308 HSJ524308 ICF524308 IMB524308 IVX524308 JFT524308 JPP524308 JZL524308 KJH524308 KTD524308 LCZ524308 LMV524308 LWR524308 MGN524308 MQJ524308 NAF524308 NKB524308 NTX524308 ODT524308 ONP524308 OXL524308 PHH524308 PRD524308 QAZ524308 QKV524308 QUR524308 REN524308 ROJ524308 RYF524308 SIB524308 SRX524308 TBT524308 TLP524308 TVL524308 UFH524308 UPD524308 UYZ524308 VIV524308 VSR524308 WCN524308 WMJ524308 WWF524308 X589844 JT589844 TP589844 ADL589844 ANH589844 AXD589844 BGZ589844 BQV589844 CAR589844 CKN589844 CUJ589844 DEF589844 DOB589844 DXX589844 EHT589844 ERP589844 FBL589844 FLH589844 FVD589844 GEZ589844 GOV589844 GYR589844 HIN589844 HSJ589844 ICF589844 IMB589844 IVX589844 JFT589844 JPP589844 JZL589844 KJH589844 KTD589844 LCZ589844 LMV589844 LWR589844 MGN589844 MQJ589844 NAF589844 NKB589844 NTX589844 ODT589844 ONP589844 OXL589844 PHH589844 PRD589844 QAZ589844 QKV589844 QUR589844 REN589844 ROJ589844 RYF589844 SIB589844 SRX589844 TBT589844 TLP589844 TVL589844 UFH589844 UPD589844 UYZ589844 VIV589844 VSR589844 WCN589844 WMJ589844 WWF589844 X655380 JT655380 TP655380 ADL655380 ANH655380 AXD655380 BGZ655380 BQV655380 CAR655380 CKN655380 CUJ655380 DEF655380 DOB655380 DXX655380 EHT655380 ERP655380 FBL655380 FLH655380 FVD655380 GEZ655380 GOV655380 GYR655380 HIN655380 HSJ655380 ICF655380 IMB655380 IVX655380 JFT655380 JPP655380 JZL655380 KJH655380 KTD655380 LCZ655380 LMV655380 LWR655380 MGN655380 MQJ655380 NAF655380 NKB655380 NTX655380 ODT655380 ONP655380 OXL655380 PHH655380 PRD655380 QAZ655380 QKV655380 QUR655380 REN655380 ROJ655380 RYF655380 SIB655380 SRX655380 TBT655380 TLP655380 TVL655380 UFH655380 UPD655380 UYZ655380 VIV655380 VSR655380 WCN655380 WMJ655380 WWF655380 X720916 JT720916 TP720916 ADL720916 ANH720916 AXD720916 BGZ720916 BQV720916 CAR720916 CKN720916 CUJ720916 DEF720916 DOB720916 DXX720916 EHT720916 ERP720916 FBL720916 FLH720916 FVD720916 GEZ720916 GOV720916 GYR720916 HIN720916 HSJ720916 ICF720916 IMB720916 IVX720916 JFT720916 JPP720916 JZL720916 KJH720916 KTD720916 LCZ720916 LMV720916 LWR720916 MGN720916 MQJ720916 NAF720916 NKB720916 NTX720916 ODT720916 ONP720916 OXL720916 PHH720916 PRD720916 QAZ720916 QKV720916 QUR720916 REN720916 ROJ720916 RYF720916 SIB720916 SRX720916 TBT720916 TLP720916 TVL720916 UFH720916 UPD720916 UYZ720916 VIV720916 VSR720916 WCN720916 WMJ720916 WWF720916 X786452 JT786452 TP786452 ADL786452 ANH786452 AXD786452 BGZ786452 BQV786452 CAR786452 CKN786452 CUJ786452 DEF786452 DOB786452 DXX786452 EHT786452 ERP786452 FBL786452 FLH786452 FVD786452 GEZ786452 GOV786452 GYR786452 HIN786452 HSJ786452 ICF786452 IMB786452 IVX786452 JFT786452 JPP786452 JZL786452 KJH786452 KTD786452 LCZ786452 LMV786452 LWR786452 MGN786452 MQJ786452 NAF786452 NKB786452 NTX786452 ODT786452 ONP786452 OXL786452 PHH786452 PRD786452 QAZ786452 QKV786452 QUR786452 REN786452 ROJ786452 RYF786452 SIB786452 SRX786452 TBT786452 TLP786452 TVL786452 UFH786452 UPD786452 UYZ786452 VIV786452 VSR786452 WCN786452 WMJ786452 WWF786452 X851988 JT851988 TP851988 ADL851988 ANH851988 AXD851988 BGZ851988 BQV851988 CAR851988 CKN851988 CUJ851988 DEF851988 DOB851988 DXX851988 EHT851988 ERP851988 FBL851988 FLH851988 FVD851988 GEZ851988 GOV851988 GYR851988 HIN851988 HSJ851988 ICF851988 IMB851988 IVX851988 JFT851988 JPP851988 JZL851988 KJH851988 KTD851988 LCZ851988 LMV851988 LWR851988 MGN851988 MQJ851988 NAF851988 NKB851988 NTX851988 ODT851988 ONP851988 OXL851988 PHH851988 PRD851988 QAZ851988 QKV851988 QUR851988 REN851988 ROJ851988 RYF851988 SIB851988 SRX851988 TBT851988 TLP851988 TVL851988 UFH851988 UPD851988 UYZ851988 VIV851988 VSR851988 WCN851988 WMJ851988 WWF851988 X917524 JT917524 TP917524 ADL917524 ANH917524 AXD917524 BGZ917524 BQV917524 CAR917524 CKN917524 CUJ917524 DEF917524 DOB917524 DXX917524 EHT917524 ERP917524 FBL917524 FLH917524 FVD917524 GEZ917524 GOV917524 GYR917524 HIN917524 HSJ917524 ICF917524 IMB917524 IVX917524 JFT917524 JPP917524 JZL917524 KJH917524 KTD917524 LCZ917524 LMV917524 LWR917524 MGN917524 MQJ917524 NAF917524 NKB917524 NTX917524 ODT917524 ONP917524 OXL917524 PHH917524 PRD917524 QAZ917524 QKV917524 QUR917524 REN917524 ROJ917524 RYF917524 SIB917524 SRX917524 TBT917524 TLP917524 TVL917524 UFH917524 UPD917524 UYZ917524 VIV917524 VSR917524 WCN917524 WMJ917524 WWF917524 X983060 JT983060 TP983060 ADL983060 ANH983060 AXD983060 BGZ983060 BQV983060 CAR983060 CKN983060 CUJ983060 DEF983060 DOB983060 DXX983060 EHT983060 ERP983060 FBL983060 FLH983060 FVD983060 GEZ983060 GOV983060 GYR983060 HIN983060 HSJ983060 ICF983060 IMB983060 IVX983060 JFT983060 JPP983060 JZL983060 KJH983060 KTD983060 LCZ983060 LMV983060 LWR983060 MGN983060 MQJ983060 NAF983060 NKB983060 NTX983060 ODT983060 ONP983060 OXL983060 PHH983060 PRD983060 QAZ983060 QKV983060 QUR983060 REN983060 ROJ983060 RYF983060 SIB983060 SRX983060 TBT983060 TLP983060 TVL983060 UFH983060 UPD983060 UYZ983060 VIV983060 VSR983060 WCN983060 WMJ983060 WWF983060 G7 JC7 SY7 ACU7 AMQ7 AWM7 BGI7 BQE7 CAA7 CJW7 CTS7 DDO7 DNK7 DXG7 EHC7 EQY7 FAU7 FKQ7 FUM7 GEI7 GOE7 GYA7 HHW7 HRS7 IBO7 ILK7 IVG7 JFC7 JOY7 JYU7 KIQ7 KSM7 LCI7 LME7 LWA7 MFW7 MPS7 MZO7 NJK7 NTG7 ODC7 OMY7 OWU7 PGQ7 PQM7 QAI7 QKE7 QUA7 RDW7 RNS7 RXO7 SHK7 SRG7 TBC7 TKY7 TUU7 UEQ7 UOM7 UYI7 VIE7 VSA7 WBW7 WLS7 WVO7 G65543 JC65543 SY65543 ACU65543 AMQ65543 AWM65543 BGI65543 BQE65543 CAA65543 CJW65543 CTS65543 DDO65543 DNK65543 DXG65543 EHC65543 EQY65543 FAU65543 FKQ65543 FUM65543 GEI65543 GOE65543 GYA65543 HHW65543 HRS65543 IBO65543 ILK65543 IVG65543 JFC65543 JOY65543 JYU65543 KIQ65543 KSM65543 LCI65543 LME65543 LWA65543 MFW65543 MPS65543 MZO65543 NJK65543 NTG65543 ODC65543 OMY65543 OWU65543 PGQ65543 PQM65543 QAI65543 QKE65543 QUA65543 RDW65543 RNS65543 RXO65543 SHK65543 SRG65543 TBC65543 TKY65543 TUU65543 UEQ65543 UOM65543 UYI65543 VIE65543 VSA65543 WBW65543 WLS65543 WVO65543 G131079 JC131079 SY131079 ACU131079 AMQ131079 AWM131079 BGI131079 BQE131079 CAA131079 CJW131079 CTS131079 DDO131079 DNK131079 DXG131079 EHC131079 EQY131079 FAU131079 FKQ131079 FUM131079 GEI131079 GOE131079 GYA131079 HHW131079 HRS131079 IBO131079 ILK131079 IVG131079 JFC131079 JOY131079 JYU131079 KIQ131079 KSM131079 LCI131079 LME131079 LWA131079 MFW131079 MPS131079 MZO131079 NJK131079 NTG131079 ODC131079 OMY131079 OWU131079 PGQ131079 PQM131079 QAI131079 QKE131079 QUA131079 RDW131079 RNS131079 RXO131079 SHK131079 SRG131079 TBC131079 TKY131079 TUU131079 UEQ131079 UOM131079 UYI131079 VIE131079 VSA131079 WBW131079 WLS131079 WVO131079 G196615 JC196615 SY196615 ACU196615 AMQ196615 AWM196615 BGI196615 BQE196615 CAA196615 CJW196615 CTS196615 DDO196615 DNK196615 DXG196615 EHC196615 EQY196615 FAU196615 FKQ196615 FUM196615 GEI196615 GOE196615 GYA196615 HHW196615 HRS196615 IBO196615 ILK196615 IVG196615 JFC196615 JOY196615 JYU196615 KIQ196615 KSM196615 LCI196615 LME196615 LWA196615 MFW196615 MPS196615 MZO196615 NJK196615 NTG196615 ODC196615 OMY196615 OWU196615 PGQ196615 PQM196615 QAI196615 QKE196615 QUA196615 RDW196615 RNS196615 RXO196615 SHK196615 SRG196615 TBC196615 TKY196615 TUU196615 UEQ196615 UOM196615 UYI196615 VIE196615 VSA196615 WBW196615 WLS196615 WVO196615 G262151 JC262151 SY262151 ACU262151 AMQ262151 AWM262151 BGI262151 BQE262151 CAA262151 CJW262151 CTS262151 DDO262151 DNK262151 DXG262151 EHC262151 EQY262151 FAU262151 FKQ262151 FUM262151 GEI262151 GOE262151 GYA262151 HHW262151 HRS262151 IBO262151 ILK262151 IVG262151 JFC262151 JOY262151 JYU262151 KIQ262151 KSM262151 LCI262151 LME262151 LWA262151 MFW262151 MPS262151 MZO262151 NJK262151 NTG262151 ODC262151 OMY262151 OWU262151 PGQ262151 PQM262151 QAI262151 QKE262151 QUA262151 RDW262151 RNS262151 RXO262151 SHK262151 SRG262151 TBC262151 TKY262151 TUU262151 UEQ262151 UOM262151 UYI262151 VIE262151 VSA262151 WBW262151 WLS262151 WVO262151 G327687 JC327687 SY327687 ACU327687 AMQ327687 AWM327687 BGI327687 BQE327687 CAA327687 CJW327687 CTS327687 DDO327687 DNK327687 DXG327687 EHC327687 EQY327687 FAU327687 FKQ327687 FUM327687 GEI327687 GOE327687 GYA327687 HHW327687 HRS327687 IBO327687 ILK327687 IVG327687 JFC327687 JOY327687 JYU327687 KIQ327687 KSM327687 LCI327687 LME327687 LWA327687 MFW327687 MPS327687 MZO327687 NJK327687 NTG327687 ODC327687 OMY327687 OWU327687 PGQ327687 PQM327687 QAI327687 QKE327687 QUA327687 RDW327687 RNS327687 RXO327687 SHK327687 SRG327687 TBC327687 TKY327687 TUU327687 UEQ327687 UOM327687 UYI327687 VIE327687 VSA327687 WBW327687 WLS327687 WVO327687 G393223 JC393223 SY393223 ACU393223 AMQ393223 AWM393223 BGI393223 BQE393223 CAA393223 CJW393223 CTS393223 DDO393223 DNK393223 DXG393223 EHC393223 EQY393223 FAU393223 FKQ393223 FUM393223 GEI393223 GOE393223 GYA393223 HHW393223 HRS393223 IBO393223 ILK393223 IVG393223 JFC393223 JOY393223 JYU393223 KIQ393223 KSM393223 LCI393223 LME393223 LWA393223 MFW393223 MPS393223 MZO393223 NJK393223 NTG393223 ODC393223 OMY393223 OWU393223 PGQ393223 PQM393223 QAI393223 QKE393223 QUA393223 RDW393223 RNS393223 RXO393223 SHK393223 SRG393223 TBC393223 TKY393223 TUU393223 UEQ393223 UOM393223 UYI393223 VIE393223 VSA393223 WBW393223 WLS393223 WVO393223 G458759 JC458759 SY458759 ACU458759 AMQ458759 AWM458759 BGI458759 BQE458759 CAA458759 CJW458759 CTS458759 DDO458759 DNK458759 DXG458759 EHC458759 EQY458759 FAU458759 FKQ458759 FUM458759 GEI458759 GOE458759 GYA458759 HHW458759 HRS458759 IBO458759 ILK458759 IVG458759 JFC458759 JOY458759 JYU458759 KIQ458759 KSM458759 LCI458759 LME458759 LWA458759 MFW458759 MPS458759 MZO458759 NJK458759 NTG458759 ODC458759 OMY458759 OWU458759 PGQ458759 PQM458759 QAI458759 QKE458759 QUA458759 RDW458759 RNS458759 RXO458759 SHK458759 SRG458759 TBC458759 TKY458759 TUU458759 UEQ458759 UOM458759 UYI458759 VIE458759 VSA458759 WBW458759 WLS458759 WVO458759 G524295 JC524295 SY524295 ACU524295 AMQ524295 AWM524295 BGI524295 BQE524295 CAA524295 CJW524295 CTS524295 DDO524295 DNK524295 DXG524295 EHC524295 EQY524295 FAU524295 FKQ524295 FUM524295 GEI524295 GOE524295 GYA524295 HHW524295 HRS524295 IBO524295 ILK524295 IVG524295 JFC524295 JOY524295 JYU524295 KIQ524295 KSM524295 LCI524295 LME524295 LWA524295 MFW524295 MPS524295 MZO524295 NJK524295 NTG524295 ODC524295 OMY524295 OWU524295 PGQ524295 PQM524295 QAI524295 QKE524295 QUA524295 RDW524295 RNS524295 RXO524295 SHK524295 SRG524295 TBC524295 TKY524295 TUU524295 UEQ524295 UOM524295 UYI524295 VIE524295 VSA524295 WBW524295 WLS524295 WVO524295 G589831 JC589831 SY589831 ACU589831 AMQ589831 AWM589831 BGI589831 BQE589831 CAA589831 CJW589831 CTS589831 DDO589831 DNK589831 DXG589831 EHC589831 EQY589831 FAU589831 FKQ589831 FUM589831 GEI589831 GOE589831 GYA589831 HHW589831 HRS589831 IBO589831 ILK589831 IVG589831 JFC589831 JOY589831 JYU589831 KIQ589831 KSM589831 LCI589831 LME589831 LWA589831 MFW589831 MPS589831 MZO589831 NJK589831 NTG589831 ODC589831 OMY589831 OWU589831 PGQ589831 PQM589831 QAI589831 QKE589831 QUA589831 RDW589831 RNS589831 RXO589831 SHK589831 SRG589831 TBC589831 TKY589831 TUU589831 UEQ589831 UOM589831 UYI589831 VIE589831 VSA589831 WBW589831 WLS589831 WVO589831 G655367 JC655367 SY655367 ACU655367 AMQ655367 AWM655367 BGI655367 BQE655367 CAA655367 CJW655367 CTS655367 DDO655367 DNK655367 DXG655367 EHC655367 EQY655367 FAU655367 FKQ655367 FUM655367 GEI655367 GOE655367 GYA655367 HHW655367 HRS655367 IBO655367 ILK655367 IVG655367 JFC655367 JOY655367 JYU655367 KIQ655367 KSM655367 LCI655367 LME655367 LWA655367 MFW655367 MPS655367 MZO655367 NJK655367 NTG655367 ODC655367 OMY655367 OWU655367 PGQ655367 PQM655367 QAI655367 QKE655367 QUA655367 RDW655367 RNS655367 RXO655367 SHK655367 SRG655367 TBC655367 TKY655367 TUU655367 UEQ655367 UOM655367 UYI655367 VIE655367 VSA655367 WBW655367 WLS655367 WVO655367 G720903 JC720903 SY720903 ACU720903 AMQ720903 AWM720903 BGI720903 BQE720903 CAA720903 CJW720903 CTS720903 DDO720903 DNK720903 DXG720903 EHC720903 EQY720903 FAU720903 FKQ720903 FUM720903 GEI720903 GOE720903 GYA720903 HHW720903 HRS720903 IBO720903 ILK720903 IVG720903 JFC720903 JOY720903 JYU720903 KIQ720903 KSM720903 LCI720903 LME720903 LWA720903 MFW720903 MPS720903 MZO720903 NJK720903 NTG720903 ODC720903 OMY720903 OWU720903 PGQ720903 PQM720903 QAI720903 QKE720903 QUA720903 RDW720903 RNS720903 RXO720903 SHK720903 SRG720903 TBC720903 TKY720903 TUU720903 UEQ720903 UOM720903 UYI720903 VIE720903 VSA720903 WBW720903 WLS720903 WVO720903 G786439 JC786439 SY786439 ACU786439 AMQ786439 AWM786439 BGI786439 BQE786439 CAA786439 CJW786439 CTS786439 DDO786439 DNK786439 DXG786439 EHC786439 EQY786439 FAU786439 FKQ786439 FUM786439 GEI786439 GOE786439 GYA786439 HHW786439 HRS786439 IBO786439 ILK786439 IVG786439 JFC786439 JOY786439 JYU786439 KIQ786439 KSM786439 LCI786439 LME786439 LWA786439 MFW786439 MPS786439 MZO786439 NJK786439 NTG786439 ODC786439 OMY786439 OWU786439 PGQ786439 PQM786439 QAI786439 QKE786439 QUA786439 RDW786439 RNS786439 RXO786439 SHK786439 SRG786439 TBC786439 TKY786439 TUU786439 UEQ786439 UOM786439 UYI786439 VIE786439 VSA786439 WBW786439 WLS786439 WVO786439 G851975 JC851975 SY851975 ACU851975 AMQ851975 AWM851975 BGI851975 BQE851975 CAA851975 CJW851975 CTS851975 DDO851975 DNK851975 DXG851975 EHC851975 EQY851975 FAU851975 FKQ851975 FUM851975 GEI851975 GOE851975 GYA851975 HHW851975 HRS851975 IBO851975 ILK851975 IVG851975 JFC851975 JOY851975 JYU851975 KIQ851975 KSM851975 LCI851975 LME851975 LWA851975 MFW851975 MPS851975 MZO851975 NJK851975 NTG851975 ODC851975 OMY851975 OWU851975 PGQ851975 PQM851975 QAI851975 QKE851975 QUA851975 RDW851975 RNS851975 RXO851975 SHK851975 SRG851975 TBC851975 TKY851975 TUU851975 UEQ851975 UOM851975 UYI851975 VIE851975 VSA851975 WBW851975 WLS851975 WVO851975 G917511 JC917511 SY917511 ACU917511 AMQ917511 AWM917511 BGI917511 BQE917511 CAA917511 CJW917511 CTS917511 DDO917511 DNK917511 DXG917511 EHC917511 EQY917511 FAU917511 FKQ917511 FUM917511 GEI917511 GOE917511 GYA917511 HHW917511 HRS917511 IBO917511 ILK917511 IVG917511 JFC917511 JOY917511 JYU917511 KIQ917511 KSM917511 LCI917511 LME917511 LWA917511 MFW917511 MPS917511 MZO917511 NJK917511 NTG917511 ODC917511 OMY917511 OWU917511 PGQ917511 PQM917511 QAI917511 QKE917511 QUA917511 RDW917511 RNS917511 RXO917511 SHK917511 SRG917511 TBC917511 TKY917511 TUU917511 UEQ917511 UOM917511 UYI917511 VIE917511 VSA917511 WBW917511 WLS917511 WVO917511 G983047 JC983047 SY983047 ACU983047 AMQ983047 AWM983047 BGI983047 BQE983047 CAA983047 CJW983047 CTS983047 DDO983047 DNK983047 DXG983047 EHC983047 EQY983047 FAU983047 FKQ983047 FUM983047 GEI983047 GOE983047 GYA983047 HHW983047 HRS983047 IBO983047 ILK983047 IVG983047 JFC983047 JOY983047 JYU983047 KIQ983047 KSM983047 LCI983047 LME983047 LWA983047 MFW983047 MPS983047 MZO983047 NJK983047 NTG983047 ODC983047 OMY983047 OWU983047 PGQ983047 PQM983047 QAI983047 QKE983047 QUA983047 RDW983047 RNS983047 RXO983047 SHK983047 SRG983047 TBC983047 TKY983047 TUU983047 UEQ983047 UOM983047 UYI983047 VIE983047 VSA983047 WBW983047 WLS983047 WVO983047 V12 JR12 TN12 ADJ12 ANF12 AXB12 BGX12 BQT12 CAP12 CKL12 CUH12 DED12 DNZ12 DXV12 EHR12 ERN12 FBJ12 FLF12 FVB12 GEX12 GOT12 GYP12 HIL12 HSH12 ICD12 ILZ12 IVV12 JFR12 JPN12 JZJ12 KJF12 KTB12 LCX12 LMT12 LWP12 MGL12 MQH12 NAD12 NJZ12 NTV12 ODR12 ONN12 OXJ12 PHF12 PRB12 QAX12 QKT12 QUP12 REL12 ROH12 RYD12 SHZ12 SRV12 TBR12 TLN12 TVJ12 UFF12 UPB12 UYX12 VIT12 VSP12 WCL12 WMH12 WWD12 V65548 JR65548 TN65548 ADJ65548 ANF65548 AXB65548 BGX65548 BQT65548 CAP65548 CKL65548 CUH65548 DED65548 DNZ65548 DXV65548 EHR65548 ERN65548 FBJ65548 FLF65548 FVB65548 GEX65548 GOT65548 GYP65548 HIL65548 HSH65548 ICD65548 ILZ65548 IVV65548 JFR65548 JPN65548 JZJ65548 KJF65548 KTB65548 LCX65548 LMT65548 LWP65548 MGL65548 MQH65548 NAD65548 NJZ65548 NTV65548 ODR65548 ONN65548 OXJ65548 PHF65548 PRB65548 QAX65548 QKT65548 QUP65548 REL65548 ROH65548 RYD65548 SHZ65548 SRV65548 TBR65548 TLN65548 TVJ65548 UFF65548 UPB65548 UYX65548 VIT65548 VSP65548 WCL65548 WMH65548 WWD65548 V131084 JR131084 TN131084 ADJ131084 ANF131084 AXB131084 BGX131084 BQT131084 CAP131084 CKL131084 CUH131084 DED131084 DNZ131084 DXV131084 EHR131084 ERN131084 FBJ131084 FLF131084 FVB131084 GEX131084 GOT131084 GYP131084 HIL131084 HSH131084 ICD131084 ILZ131084 IVV131084 JFR131084 JPN131084 JZJ131084 KJF131084 KTB131084 LCX131084 LMT131084 LWP131084 MGL131084 MQH131084 NAD131084 NJZ131084 NTV131084 ODR131084 ONN131084 OXJ131084 PHF131084 PRB131084 QAX131084 QKT131084 QUP131084 REL131084 ROH131084 RYD131084 SHZ131084 SRV131084 TBR131084 TLN131084 TVJ131084 UFF131084 UPB131084 UYX131084 VIT131084 VSP131084 WCL131084 WMH131084 WWD131084 V196620 JR196620 TN196620 ADJ196620 ANF196620 AXB196620 BGX196620 BQT196620 CAP196620 CKL196620 CUH196620 DED196620 DNZ196620 DXV196620 EHR196620 ERN196620 FBJ196620 FLF196620 FVB196620 GEX196620 GOT196620 GYP196620 HIL196620 HSH196620 ICD196620 ILZ196620 IVV196620 JFR196620 JPN196620 JZJ196620 KJF196620 KTB196620 LCX196620 LMT196620 LWP196620 MGL196620 MQH196620 NAD196620 NJZ196620 NTV196620 ODR196620 ONN196620 OXJ196620 PHF196620 PRB196620 QAX196620 QKT196620 QUP196620 REL196620 ROH196620 RYD196620 SHZ196620 SRV196620 TBR196620 TLN196620 TVJ196620 UFF196620 UPB196620 UYX196620 VIT196620 VSP196620 WCL196620 WMH196620 WWD196620 V262156 JR262156 TN262156 ADJ262156 ANF262156 AXB262156 BGX262156 BQT262156 CAP262156 CKL262156 CUH262156 DED262156 DNZ262156 DXV262156 EHR262156 ERN262156 FBJ262156 FLF262156 FVB262156 GEX262156 GOT262156 GYP262156 HIL262156 HSH262156 ICD262156 ILZ262156 IVV262156 JFR262156 JPN262156 JZJ262156 KJF262156 KTB262156 LCX262156 LMT262156 LWP262156 MGL262156 MQH262156 NAD262156 NJZ262156 NTV262156 ODR262156 ONN262156 OXJ262156 PHF262156 PRB262156 QAX262156 QKT262156 QUP262156 REL262156 ROH262156 RYD262156 SHZ262156 SRV262156 TBR262156 TLN262156 TVJ262156 UFF262156 UPB262156 UYX262156 VIT262156 VSP262156 WCL262156 WMH262156 WWD262156 V327692 JR327692 TN327692 ADJ327692 ANF327692 AXB327692 BGX327692 BQT327692 CAP327692 CKL327692 CUH327692 DED327692 DNZ327692 DXV327692 EHR327692 ERN327692 FBJ327692 FLF327692 FVB327692 GEX327692 GOT327692 GYP327692 HIL327692 HSH327692 ICD327692 ILZ327692 IVV327692 JFR327692 JPN327692 JZJ327692 KJF327692 KTB327692 LCX327692 LMT327692 LWP327692 MGL327692 MQH327692 NAD327692 NJZ327692 NTV327692 ODR327692 ONN327692 OXJ327692 PHF327692 PRB327692 QAX327692 QKT327692 QUP327692 REL327692 ROH327692 RYD327692 SHZ327692 SRV327692 TBR327692 TLN327692 TVJ327692 UFF327692 UPB327692 UYX327692 VIT327692 VSP327692 WCL327692 WMH327692 WWD327692 V393228 JR393228 TN393228 ADJ393228 ANF393228 AXB393228 BGX393228 BQT393228 CAP393228 CKL393228 CUH393228 DED393228 DNZ393228 DXV393228 EHR393228 ERN393228 FBJ393228 FLF393228 FVB393228 GEX393228 GOT393228 GYP393228 HIL393228 HSH393228 ICD393228 ILZ393228 IVV393228 JFR393228 JPN393228 JZJ393228 KJF393228 KTB393228 LCX393228 LMT393228 LWP393228 MGL393228 MQH393228 NAD393228 NJZ393228 NTV393228 ODR393228 ONN393228 OXJ393228 PHF393228 PRB393228 QAX393228 QKT393228 QUP393228 REL393228 ROH393228 RYD393228 SHZ393228 SRV393228 TBR393228 TLN393228 TVJ393228 UFF393228 UPB393228 UYX393228 VIT393228 VSP393228 WCL393228 WMH393228 WWD393228 V458764 JR458764 TN458764 ADJ458764 ANF458764 AXB458764 BGX458764 BQT458764 CAP458764 CKL458764 CUH458764 DED458764 DNZ458764 DXV458764 EHR458764 ERN458764 FBJ458764 FLF458764 FVB458764 GEX458764 GOT458764 GYP458764 HIL458764 HSH458764 ICD458764 ILZ458764 IVV458764 JFR458764 JPN458764 JZJ458764 KJF458764 KTB458764 LCX458764 LMT458764 LWP458764 MGL458764 MQH458764 NAD458764 NJZ458764 NTV458764 ODR458764 ONN458764 OXJ458764 PHF458764 PRB458764 QAX458764 QKT458764 QUP458764 REL458764 ROH458764 RYD458764 SHZ458764 SRV458764 TBR458764 TLN458764 TVJ458764 UFF458764 UPB458764 UYX458764 VIT458764 VSP458764 WCL458764 WMH458764 WWD458764 V524300 JR524300 TN524300 ADJ524300 ANF524300 AXB524300 BGX524300 BQT524300 CAP524300 CKL524300 CUH524300 DED524300 DNZ524300 DXV524300 EHR524300 ERN524300 FBJ524300 FLF524300 FVB524300 GEX524300 GOT524300 GYP524300 HIL524300 HSH524300 ICD524300 ILZ524300 IVV524300 JFR524300 JPN524300 JZJ524300 KJF524300 KTB524300 LCX524300 LMT524300 LWP524300 MGL524300 MQH524300 NAD524300 NJZ524300 NTV524300 ODR524300 ONN524300 OXJ524300 PHF524300 PRB524300 QAX524300 QKT524300 QUP524300 REL524300 ROH524300 RYD524300 SHZ524300 SRV524300 TBR524300 TLN524300 TVJ524300 UFF524300 UPB524300 UYX524300 VIT524300 VSP524300 WCL524300 WMH524300 WWD524300 V589836 JR589836 TN589836 ADJ589836 ANF589836 AXB589836 BGX589836 BQT589836 CAP589836 CKL589836 CUH589836 DED589836 DNZ589836 DXV589836 EHR589836 ERN589836 FBJ589836 FLF589836 FVB589836 GEX589836 GOT589836 GYP589836 HIL589836 HSH589836 ICD589836 ILZ589836 IVV589836 JFR589836 JPN589836 JZJ589836 KJF589836 KTB589836 LCX589836 LMT589836 LWP589836 MGL589836 MQH589836 NAD589836 NJZ589836 NTV589836 ODR589836 ONN589836 OXJ589836 PHF589836 PRB589836 QAX589836 QKT589836 QUP589836 REL589836 ROH589836 RYD589836 SHZ589836 SRV589836 TBR589836 TLN589836 TVJ589836 UFF589836 UPB589836 UYX589836 VIT589836 VSP589836 WCL589836 WMH589836 WWD589836 V655372 JR655372 TN655372 ADJ655372 ANF655372 AXB655372 BGX655372 BQT655372 CAP655372 CKL655372 CUH655372 DED655372 DNZ655372 DXV655372 EHR655372 ERN655372 FBJ655372 FLF655372 FVB655372 GEX655372 GOT655372 GYP655372 HIL655372 HSH655372 ICD655372 ILZ655372 IVV655372 JFR655372 JPN655372 JZJ655372 KJF655372 KTB655372 LCX655372 LMT655372 LWP655372 MGL655372 MQH655372 NAD655372 NJZ655372 NTV655372 ODR655372 ONN655372 OXJ655372 PHF655372 PRB655372 QAX655372 QKT655372 QUP655372 REL655372 ROH655372 RYD655372 SHZ655372 SRV655372 TBR655372 TLN655372 TVJ655372 UFF655372 UPB655372 UYX655372 VIT655372 VSP655372 WCL655372 WMH655372 WWD655372 V720908 JR720908 TN720908 ADJ720908 ANF720908 AXB720908 BGX720908 BQT720908 CAP720908 CKL720908 CUH720908 DED720908 DNZ720908 DXV720908 EHR720908 ERN720908 FBJ720908 FLF720908 FVB720908 GEX720908 GOT720908 GYP720908 HIL720908 HSH720908 ICD720908 ILZ720908 IVV720908 JFR720908 JPN720908 JZJ720908 KJF720908 KTB720908 LCX720908 LMT720908 LWP720908 MGL720908 MQH720908 NAD720908 NJZ720908 NTV720908 ODR720908 ONN720908 OXJ720908 PHF720908 PRB720908 QAX720908 QKT720908 QUP720908 REL720908 ROH720908 RYD720908 SHZ720908 SRV720908 TBR720908 TLN720908 TVJ720908 UFF720908 UPB720908 UYX720908 VIT720908 VSP720908 WCL720908 WMH720908 WWD720908 V786444 JR786444 TN786444 ADJ786444 ANF786444 AXB786444 BGX786444 BQT786444 CAP786444 CKL786444 CUH786444 DED786444 DNZ786444 DXV786444 EHR786444 ERN786444 FBJ786444 FLF786444 FVB786444 GEX786444 GOT786444 GYP786444 HIL786444 HSH786444 ICD786444 ILZ786444 IVV786444 JFR786444 JPN786444 JZJ786444 KJF786444 KTB786444 LCX786444 LMT786444 LWP786444 MGL786444 MQH786444 NAD786444 NJZ786444 NTV786444 ODR786444 ONN786444 OXJ786444 PHF786444 PRB786444 QAX786444 QKT786444 QUP786444 REL786444 ROH786444 RYD786444 SHZ786444 SRV786444 TBR786444 TLN786444 TVJ786444 UFF786444 UPB786444 UYX786444 VIT786444 VSP786444 WCL786444 WMH786444 WWD786444 V851980 JR851980 TN851980 ADJ851980 ANF851980 AXB851980 BGX851980 BQT851980 CAP851980 CKL851980 CUH851980 DED851980 DNZ851980 DXV851980 EHR851980 ERN851980 FBJ851980 FLF851980 FVB851980 GEX851980 GOT851980 GYP851980 HIL851980 HSH851980 ICD851980 ILZ851980 IVV851980 JFR851980 JPN851980 JZJ851980 KJF851980 KTB851980 LCX851980 LMT851980 LWP851980 MGL851980 MQH851980 NAD851980 NJZ851980 NTV851980 ODR851980 ONN851980 OXJ851980 PHF851980 PRB851980 QAX851980 QKT851980 QUP851980 REL851980 ROH851980 RYD851980 SHZ851980 SRV851980 TBR851980 TLN851980 TVJ851980 UFF851980 UPB851980 UYX851980 VIT851980 VSP851980 WCL851980 WMH851980 WWD851980 V917516 JR917516 TN917516 ADJ917516 ANF917516 AXB917516 BGX917516 BQT917516 CAP917516 CKL917516 CUH917516 DED917516 DNZ917516 DXV917516 EHR917516 ERN917516 FBJ917516 FLF917516 FVB917516 GEX917516 GOT917516 GYP917516 HIL917516 HSH917516 ICD917516 ILZ917516 IVV917516 JFR917516 JPN917516 JZJ917516 KJF917516 KTB917516 LCX917516 LMT917516 LWP917516 MGL917516 MQH917516 NAD917516 NJZ917516 NTV917516 ODR917516 ONN917516 OXJ917516 PHF917516 PRB917516 QAX917516 QKT917516 QUP917516 REL917516 ROH917516 RYD917516 SHZ917516 SRV917516 TBR917516 TLN917516 TVJ917516 UFF917516 UPB917516 UYX917516 VIT917516 VSP917516 WCL917516 WMH917516 WWD917516 V983052 JR983052 TN983052 ADJ983052 ANF983052 AXB983052 BGX983052 BQT983052 CAP983052 CKL983052 CUH983052 DED983052 DNZ983052 DXV983052 EHR983052 ERN983052 FBJ983052 FLF983052 FVB983052 GEX983052 GOT983052 GYP983052 HIL983052 HSH983052 ICD983052 ILZ983052 IVV983052 JFR983052 JPN983052 JZJ983052 KJF983052 KTB983052 LCX983052 LMT983052 LWP983052 MGL983052 MQH983052 NAD983052 NJZ983052 NTV983052 ODR983052 ONN983052 OXJ983052 PHF983052 PRB983052 QAX983052 QKT983052 QUP983052 REL983052 ROH983052 RYD983052 SHZ983052 SRV983052 TBR983052 TLN983052 TVJ983052 UFF983052 UPB983052 UYX983052 VIT983052 VSP983052 WCL983052 WMH983052 WWD983052 X12 JT12 TP12 ADL12 ANH12 AXD12 BGZ12 BQV12 CAR12 CKN12 CUJ12 DEF12 DOB12 DXX12 EHT12 ERP12 FBL12 FLH12 FVD12 GEZ12 GOV12 GYR12 HIN12 HSJ12 ICF12 IMB12 IVX12 JFT12 JPP12 JZL12 KJH12 KTD12 LCZ12 LMV12 LWR12 MGN12 MQJ12 NAF12 NKB12 NTX12 ODT12 ONP12 OXL12 PHH12 PRD12 QAZ12 QKV12 QUR12 REN12 ROJ12 RYF12 SIB12 SRX12 TBT12 TLP12 TVL12 UFH12 UPD12 UYZ12 VIV12 VSR12 WCN12 WMJ12 WWF12 X65548 JT65548 TP65548 ADL65548 ANH65548 AXD65548 BGZ65548 BQV65548 CAR65548 CKN65548 CUJ65548 DEF65548 DOB65548 DXX65548 EHT65548 ERP65548 FBL65548 FLH65548 FVD65548 GEZ65548 GOV65548 GYR65548 HIN65548 HSJ65548 ICF65548 IMB65548 IVX65548 JFT65548 JPP65548 JZL65548 KJH65548 KTD65548 LCZ65548 LMV65548 LWR65548 MGN65548 MQJ65548 NAF65548 NKB65548 NTX65548 ODT65548 ONP65548 OXL65548 PHH65548 PRD65548 QAZ65548 QKV65548 QUR65548 REN65548 ROJ65548 RYF65548 SIB65548 SRX65548 TBT65548 TLP65548 TVL65548 UFH65548 UPD65548 UYZ65548 VIV65548 VSR65548 WCN65548 WMJ65548 WWF65548 X131084 JT131084 TP131084 ADL131084 ANH131084 AXD131084 BGZ131084 BQV131084 CAR131084 CKN131084 CUJ131084 DEF131084 DOB131084 DXX131084 EHT131084 ERP131084 FBL131084 FLH131084 FVD131084 GEZ131084 GOV131084 GYR131084 HIN131084 HSJ131084 ICF131084 IMB131084 IVX131084 JFT131084 JPP131084 JZL131084 KJH131084 KTD131084 LCZ131084 LMV131084 LWR131084 MGN131084 MQJ131084 NAF131084 NKB131084 NTX131084 ODT131084 ONP131084 OXL131084 PHH131084 PRD131084 QAZ131084 QKV131084 QUR131084 REN131084 ROJ131084 RYF131084 SIB131084 SRX131084 TBT131084 TLP131084 TVL131084 UFH131084 UPD131084 UYZ131084 VIV131084 VSR131084 WCN131084 WMJ131084 WWF131084 X196620 JT196620 TP196620 ADL196620 ANH196620 AXD196620 BGZ196620 BQV196620 CAR196620 CKN196620 CUJ196620 DEF196620 DOB196620 DXX196620 EHT196620 ERP196620 FBL196620 FLH196620 FVD196620 GEZ196620 GOV196620 GYR196620 HIN196620 HSJ196620 ICF196620 IMB196620 IVX196620 JFT196620 JPP196620 JZL196620 KJH196620 KTD196620 LCZ196620 LMV196620 LWR196620 MGN196620 MQJ196620 NAF196620 NKB196620 NTX196620 ODT196620 ONP196620 OXL196620 PHH196620 PRD196620 QAZ196620 QKV196620 QUR196620 REN196620 ROJ196620 RYF196620 SIB196620 SRX196620 TBT196620 TLP196620 TVL196620 UFH196620 UPD196620 UYZ196620 VIV196620 VSR196620 WCN196620 WMJ196620 WWF196620 X262156 JT262156 TP262156 ADL262156 ANH262156 AXD262156 BGZ262156 BQV262156 CAR262156 CKN262156 CUJ262156 DEF262156 DOB262156 DXX262156 EHT262156 ERP262156 FBL262156 FLH262156 FVD262156 GEZ262156 GOV262156 GYR262156 HIN262156 HSJ262156 ICF262156 IMB262156 IVX262156 JFT262156 JPP262156 JZL262156 KJH262156 KTD262156 LCZ262156 LMV262156 LWR262156 MGN262156 MQJ262156 NAF262156 NKB262156 NTX262156 ODT262156 ONP262156 OXL262156 PHH262156 PRD262156 QAZ262156 QKV262156 QUR262156 REN262156 ROJ262156 RYF262156 SIB262156 SRX262156 TBT262156 TLP262156 TVL262156 UFH262156 UPD262156 UYZ262156 VIV262156 VSR262156 WCN262156 WMJ262156 WWF262156 X327692 JT327692 TP327692 ADL327692 ANH327692 AXD327692 BGZ327692 BQV327692 CAR327692 CKN327692 CUJ327692 DEF327692 DOB327692 DXX327692 EHT327692 ERP327692 FBL327692 FLH327692 FVD327692 GEZ327692 GOV327692 GYR327692 HIN327692 HSJ327692 ICF327692 IMB327692 IVX327692 JFT327692 JPP327692 JZL327692 KJH327692 KTD327692 LCZ327692 LMV327692 LWR327692 MGN327692 MQJ327692 NAF327692 NKB327692 NTX327692 ODT327692 ONP327692 OXL327692 PHH327692 PRD327692 QAZ327692 QKV327692 QUR327692 REN327692 ROJ327692 RYF327692 SIB327692 SRX327692 TBT327692 TLP327692 TVL327692 UFH327692 UPD327692 UYZ327692 VIV327692 VSR327692 WCN327692 WMJ327692 WWF327692 X393228 JT393228 TP393228 ADL393228 ANH393228 AXD393228 BGZ393228 BQV393228 CAR393228 CKN393228 CUJ393228 DEF393228 DOB393228 DXX393228 EHT393228 ERP393228 FBL393228 FLH393228 FVD393228 GEZ393228 GOV393228 GYR393228 HIN393228 HSJ393228 ICF393228 IMB393228 IVX393228 JFT393228 JPP393228 JZL393228 KJH393228 KTD393228 LCZ393228 LMV393228 LWR393228 MGN393228 MQJ393228 NAF393228 NKB393228 NTX393228 ODT393228 ONP393228 OXL393228 PHH393228 PRD393228 QAZ393228 QKV393228 QUR393228 REN393228 ROJ393228 RYF393228 SIB393228 SRX393228 TBT393228 TLP393228 TVL393228 UFH393228 UPD393228 UYZ393228 VIV393228 VSR393228 WCN393228 WMJ393228 WWF393228 X458764 JT458764 TP458764 ADL458764 ANH458764 AXD458764 BGZ458764 BQV458764 CAR458764 CKN458764 CUJ458764 DEF458764 DOB458764 DXX458764 EHT458764 ERP458764 FBL458764 FLH458764 FVD458764 GEZ458764 GOV458764 GYR458764 HIN458764 HSJ458764 ICF458764 IMB458764 IVX458764 JFT458764 JPP458764 JZL458764 KJH458764 KTD458764 LCZ458764 LMV458764 LWR458764 MGN458764 MQJ458764 NAF458764 NKB458764 NTX458764 ODT458764 ONP458764 OXL458764 PHH458764 PRD458764 QAZ458764 QKV458764 QUR458764 REN458764 ROJ458764 RYF458764 SIB458764 SRX458764 TBT458764 TLP458764 TVL458764 UFH458764 UPD458764 UYZ458764 VIV458764 VSR458764 WCN458764 WMJ458764 WWF458764 X524300 JT524300 TP524300 ADL524300 ANH524300 AXD524300 BGZ524300 BQV524300 CAR524300 CKN524300 CUJ524300 DEF524300 DOB524300 DXX524300 EHT524300 ERP524300 FBL524300 FLH524300 FVD524300 GEZ524300 GOV524300 GYR524300 HIN524300 HSJ524300 ICF524300 IMB524300 IVX524300 JFT524300 JPP524300 JZL524300 KJH524300 KTD524300 LCZ524300 LMV524300 LWR524300 MGN524300 MQJ524300 NAF524300 NKB524300 NTX524300 ODT524300 ONP524300 OXL524300 PHH524300 PRD524300 QAZ524300 QKV524300 QUR524300 REN524300 ROJ524300 RYF524300 SIB524300 SRX524300 TBT524300 TLP524300 TVL524300 UFH524300 UPD524300 UYZ524300 VIV524300 VSR524300 WCN524300 WMJ524300 WWF524300 X589836 JT589836 TP589836 ADL589836 ANH589836 AXD589836 BGZ589836 BQV589836 CAR589836 CKN589836 CUJ589836 DEF589836 DOB589836 DXX589836 EHT589836 ERP589836 FBL589836 FLH589836 FVD589836 GEZ589836 GOV589836 GYR589836 HIN589836 HSJ589836 ICF589836 IMB589836 IVX589836 JFT589836 JPP589836 JZL589836 KJH589836 KTD589836 LCZ589836 LMV589836 LWR589836 MGN589836 MQJ589836 NAF589836 NKB589836 NTX589836 ODT589836 ONP589836 OXL589836 PHH589836 PRD589836 QAZ589836 QKV589836 QUR589836 REN589836 ROJ589836 RYF589836 SIB589836 SRX589836 TBT589836 TLP589836 TVL589836 UFH589836 UPD589836 UYZ589836 VIV589836 VSR589836 WCN589836 WMJ589836 WWF589836 X655372 JT655372 TP655372 ADL655372 ANH655372 AXD655372 BGZ655372 BQV655372 CAR655372 CKN655372 CUJ655372 DEF655372 DOB655372 DXX655372 EHT655372 ERP655372 FBL655372 FLH655372 FVD655372 GEZ655372 GOV655372 GYR655372 HIN655372 HSJ655372 ICF655372 IMB655372 IVX655372 JFT655372 JPP655372 JZL655372 KJH655372 KTD655372 LCZ655372 LMV655372 LWR655372 MGN655372 MQJ655372 NAF655372 NKB655372 NTX655372 ODT655372 ONP655372 OXL655372 PHH655372 PRD655372 QAZ655372 QKV655372 QUR655372 REN655372 ROJ655372 RYF655372 SIB655372 SRX655372 TBT655372 TLP655372 TVL655372 UFH655372 UPD655372 UYZ655372 VIV655372 VSR655372 WCN655372 WMJ655372 WWF655372 X720908 JT720908 TP720908 ADL720908 ANH720908 AXD720908 BGZ720908 BQV720908 CAR720908 CKN720908 CUJ720908 DEF720908 DOB720908 DXX720908 EHT720908 ERP720908 FBL720908 FLH720908 FVD720908 GEZ720908 GOV720908 GYR720908 HIN720908 HSJ720908 ICF720908 IMB720908 IVX720908 JFT720908 JPP720908 JZL720908 KJH720908 KTD720908 LCZ720908 LMV720908 LWR720908 MGN720908 MQJ720908 NAF720908 NKB720908 NTX720908 ODT720908 ONP720908 OXL720908 PHH720908 PRD720908 QAZ720908 QKV720908 QUR720908 REN720908 ROJ720908 RYF720908 SIB720908 SRX720908 TBT720908 TLP720908 TVL720908 UFH720908 UPD720908 UYZ720908 VIV720908 VSR720908 WCN720908 WMJ720908 WWF720908 X786444 JT786444 TP786444 ADL786444 ANH786444 AXD786444 BGZ786444 BQV786444 CAR786444 CKN786444 CUJ786444 DEF786444 DOB786444 DXX786444 EHT786444 ERP786444 FBL786444 FLH786444 FVD786444 GEZ786444 GOV786444 GYR786444 HIN786444 HSJ786444 ICF786444 IMB786444 IVX786444 JFT786444 JPP786444 JZL786444 KJH786444 KTD786444 LCZ786444 LMV786444 LWR786444 MGN786444 MQJ786444 NAF786444 NKB786444 NTX786444 ODT786444 ONP786444 OXL786444 PHH786444 PRD786444 QAZ786444 QKV786444 QUR786444 REN786444 ROJ786444 RYF786444 SIB786444 SRX786444 TBT786444 TLP786444 TVL786444 UFH786444 UPD786444 UYZ786444 VIV786444 VSR786444 WCN786444 WMJ786444 WWF786444 X851980 JT851980 TP851980 ADL851980 ANH851980 AXD851980 BGZ851980 BQV851980 CAR851980 CKN851980 CUJ851980 DEF851980 DOB851980 DXX851980 EHT851980 ERP851980 FBL851980 FLH851980 FVD851980 GEZ851980 GOV851980 GYR851980 HIN851980 HSJ851980 ICF851980 IMB851980 IVX851980 JFT851980 JPP851980 JZL851980 KJH851980 KTD851980 LCZ851980 LMV851980 LWR851980 MGN851980 MQJ851980 NAF851980 NKB851980 NTX851980 ODT851980 ONP851980 OXL851980 PHH851980 PRD851980 QAZ851980 QKV851980 QUR851980 REN851980 ROJ851980 RYF851980 SIB851980 SRX851980 TBT851980 TLP851980 TVL851980 UFH851980 UPD851980 UYZ851980 VIV851980 VSR851980 WCN851980 WMJ851980 WWF851980 X917516 JT917516 TP917516 ADL917516 ANH917516 AXD917516 BGZ917516 BQV917516 CAR917516 CKN917516 CUJ917516 DEF917516 DOB917516 DXX917516 EHT917516 ERP917516 FBL917516 FLH917516 FVD917516 GEZ917516 GOV917516 GYR917516 HIN917516 HSJ917516 ICF917516 IMB917516 IVX917516 JFT917516 JPP917516 JZL917516 KJH917516 KTD917516 LCZ917516 LMV917516 LWR917516 MGN917516 MQJ917516 NAF917516 NKB917516 NTX917516 ODT917516 ONP917516 OXL917516 PHH917516 PRD917516 QAZ917516 QKV917516 QUR917516 REN917516 ROJ917516 RYF917516 SIB917516 SRX917516 TBT917516 TLP917516 TVL917516 UFH917516 UPD917516 UYZ917516 VIV917516 VSR917516 WCN917516 WMJ917516 WWF917516 X983052 JT983052 TP983052 ADL983052 ANH983052 AXD983052 BGZ983052 BQV983052 CAR983052 CKN983052 CUJ983052 DEF983052 DOB983052 DXX983052 EHT983052 ERP983052 FBL983052 FLH983052 FVD983052 GEZ983052 GOV983052 GYR983052 HIN983052 HSJ983052 ICF983052 IMB983052 IVX983052 JFT983052 JPP983052 JZL983052 KJH983052 KTD983052 LCZ983052 LMV983052 LWR983052 MGN983052 MQJ983052 NAF983052 NKB983052 NTX983052 ODT983052 ONP983052 OXL983052 PHH983052 PRD983052 QAZ983052 QKV983052 QUR983052 REN983052 ROJ983052 RYF983052 SIB983052 SRX983052 TBT983052 TLP983052 TVL983052 UFH983052 UPD983052 UYZ983052 VIV983052 VSR983052 WCN983052 WMJ983052 WWF983052</xm:sqref>
        </x14:dataValidation>
      </x14:dataValidations>
    </ext>
  </extLst>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B123"/>
  <sheetViews>
    <sheetView zoomScaleNormal="100" workbookViewId="0">
      <selection activeCell="C15" sqref="C15"/>
    </sheetView>
  </sheetViews>
  <sheetFormatPr defaultColWidth="4" defaultRowHeight="13.5" x14ac:dyDescent="0.15"/>
  <cols>
    <col min="1" max="1" width="1.5" style="290" customWidth="1"/>
    <col min="2" max="2" width="2.375" style="290" customWidth="1"/>
    <col min="3" max="3" width="1.125" style="290" customWidth="1"/>
    <col min="4" max="17" width="4" style="290"/>
    <col min="18" max="18" width="5.125" style="290" customWidth="1"/>
    <col min="19" max="19" width="8.125" style="290" customWidth="1"/>
    <col min="20" max="20" width="4" style="290"/>
    <col min="21" max="21" width="2.375" style="290" customWidth="1"/>
    <col min="22" max="22" width="4" style="290"/>
    <col min="23" max="23" width="2.25" style="290" customWidth="1"/>
    <col min="24" max="24" width="4" style="290"/>
    <col min="25" max="25" width="2.375" style="290" customWidth="1"/>
    <col min="26" max="26" width="1.5" style="290" customWidth="1"/>
    <col min="27" max="16384" width="4" style="290"/>
  </cols>
  <sheetData>
    <row r="2" spans="2:25" x14ac:dyDescent="0.15">
      <c r="B2" s="290" t="s">
        <v>741</v>
      </c>
      <c r="C2"/>
      <c r="D2"/>
      <c r="E2"/>
      <c r="F2"/>
      <c r="G2"/>
      <c r="H2"/>
      <c r="I2"/>
      <c r="J2"/>
      <c r="K2"/>
      <c r="L2"/>
      <c r="M2"/>
      <c r="N2"/>
      <c r="O2"/>
      <c r="P2"/>
      <c r="Q2"/>
      <c r="R2"/>
      <c r="S2"/>
      <c r="T2"/>
      <c r="U2"/>
      <c r="V2"/>
      <c r="W2"/>
      <c r="X2"/>
      <c r="Y2"/>
    </row>
    <row r="4" spans="2:25" x14ac:dyDescent="0.15">
      <c r="B4" s="392" t="s">
        <v>983</v>
      </c>
      <c r="C4" s="392"/>
      <c r="D4" s="392"/>
      <c r="E4" s="392"/>
      <c r="F4" s="392"/>
      <c r="G4" s="392"/>
      <c r="H4" s="392"/>
      <c r="I4" s="392"/>
      <c r="J4" s="392"/>
      <c r="K4" s="392"/>
      <c r="L4" s="392"/>
      <c r="M4" s="392"/>
      <c r="N4" s="392"/>
      <c r="O4" s="392"/>
      <c r="P4" s="392"/>
      <c r="Q4" s="392"/>
      <c r="R4" s="392"/>
      <c r="S4" s="392"/>
      <c r="T4" s="392"/>
      <c r="U4" s="392"/>
      <c r="V4" s="392"/>
      <c r="W4" s="392"/>
      <c r="X4" s="392"/>
      <c r="Y4" s="392"/>
    </row>
    <row r="6" spans="2:25" ht="23.25" customHeight="1" x14ac:dyDescent="0.15">
      <c r="B6" s="393" t="s">
        <v>115</v>
      </c>
      <c r="C6" s="393"/>
      <c r="D6" s="393"/>
      <c r="E6" s="393"/>
      <c r="F6" s="393"/>
      <c r="G6" s="394"/>
      <c r="H6" s="395"/>
      <c r="I6" s="395"/>
      <c r="J6" s="395"/>
      <c r="K6" s="395"/>
      <c r="L6" s="395"/>
      <c r="M6" s="395"/>
      <c r="N6" s="395"/>
      <c r="O6" s="395"/>
      <c r="P6" s="395"/>
      <c r="Q6" s="395"/>
      <c r="R6" s="395"/>
      <c r="S6" s="395"/>
      <c r="T6" s="395"/>
      <c r="U6" s="395"/>
      <c r="V6" s="395"/>
      <c r="W6" s="395"/>
      <c r="X6" s="395"/>
      <c r="Y6" s="396"/>
    </row>
    <row r="7" spans="2:25" ht="23.25" customHeight="1" x14ac:dyDescent="0.15">
      <c r="B7" s="393" t="s">
        <v>116</v>
      </c>
      <c r="C7" s="393"/>
      <c r="D7" s="393"/>
      <c r="E7" s="393"/>
      <c r="F7" s="393"/>
      <c r="G7" s="250" t="s">
        <v>0</v>
      </c>
      <c r="H7" s="315" t="s">
        <v>87</v>
      </c>
      <c r="I7" s="315"/>
      <c r="J7" s="315"/>
      <c r="K7" s="315"/>
      <c r="L7" s="250" t="s">
        <v>0</v>
      </c>
      <c r="M7" s="315" t="s">
        <v>88</v>
      </c>
      <c r="N7" s="315"/>
      <c r="O7" s="315"/>
      <c r="P7" s="315"/>
      <c r="Q7" s="250" t="s">
        <v>0</v>
      </c>
      <c r="R7" s="315" t="s">
        <v>89</v>
      </c>
      <c r="S7" s="315"/>
      <c r="T7" s="315"/>
      <c r="U7" s="315"/>
      <c r="V7" s="315"/>
      <c r="W7" s="286"/>
      <c r="X7" s="286"/>
      <c r="Y7" s="287"/>
    </row>
    <row r="8" spans="2:25" ht="20.100000000000001" customHeight="1" x14ac:dyDescent="0.15">
      <c r="B8" s="401" t="s">
        <v>122</v>
      </c>
      <c r="C8" s="402"/>
      <c r="D8" s="402"/>
      <c r="E8" s="402"/>
      <c r="F8" s="403"/>
      <c r="G8" s="252" t="s">
        <v>0</v>
      </c>
      <c r="H8" s="424" t="s">
        <v>984</v>
      </c>
      <c r="I8" s="424"/>
      <c r="J8" s="424"/>
      <c r="K8" s="424"/>
      <c r="L8" s="424"/>
      <c r="M8" s="424"/>
      <c r="N8" s="424"/>
      <c r="O8" s="424"/>
      <c r="P8" s="424"/>
      <c r="Q8" s="424"/>
      <c r="R8" s="424"/>
      <c r="S8" s="424"/>
      <c r="T8" s="424"/>
      <c r="U8" s="424"/>
      <c r="V8" s="424"/>
      <c r="W8" s="424"/>
      <c r="X8" s="424"/>
      <c r="Y8" s="425"/>
    </row>
    <row r="9" spans="2:25" ht="20.100000000000001" customHeight="1" x14ac:dyDescent="0.15">
      <c r="B9" s="421"/>
      <c r="C9" s="392"/>
      <c r="D9" s="392"/>
      <c r="E9" s="392"/>
      <c r="F9" s="422"/>
      <c r="G9" s="291" t="s">
        <v>0</v>
      </c>
      <c r="H9" s="493" t="s">
        <v>985</v>
      </c>
      <c r="I9" s="493"/>
      <c r="J9" s="493"/>
      <c r="K9" s="493"/>
      <c r="L9" s="493"/>
      <c r="M9" s="493"/>
      <c r="N9" s="493"/>
      <c r="O9" s="493"/>
      <c r="P9" s="493"/>
      <c r="Q9" s="493"/>
      <c r="R9" s="493"/>
      <c r="S9" s="493"/>
      <c r="T9" s="493"/>
      <c r="U9" s="493"/>
      <c r="V9" s="493"/>
      <c r="W9" s="493"/>
      <c r="X9" s="493"/>
      <c r="Y9" s="494"/>
    </row>
    <row r="10" spans="2:25" ht="20.100000000000001" customHeight="1" x14ac:dyDescent="0.15">
      <c r="B10" s="404"/>
      <c r="C10" s="405"/>
      <c r="D10" s="405"/>
      <c r="E10" s="405"/>
      <c r="F10" s="406"/>
      <c r="G10" s="255" t="s">
        <v>0</v>
      </c>
      <c r="H10" s="427" t="s">
        <v>986</v>
      </c>
      <c r="I10" s="427"/>
      <c r="J10" s="427"/>
      <c r="K10" s="427"/>
      <c r="L10" s="427"/>
      <c r="M10" s="427"/>
      <c r="N10" s="427"/>
      <c r="O10" s="427"/>
      <c r="P10" s="427"/>
      <c r="Q10" s="427"/>
      <c r="R10" s="427"/>
      <c r="S10" s="427"/>
      <c r="T10" s="427"/>
      <c r="U10" s="427"/>
      <c r="V10" s="427"/>
      <c r="W10" s="427"/>
      <c r="X10" s="427"/>
      <c r="Y10" s="428"/>
    </row>
    <row r="11" spans="2:25" ht="10.5" customHeight="1" x14ac:dyDescent="0.15">
      <c r="B11" s="272"/>
      <c r="C11" s="272"/>
      <c r="D11" s="272"/>
      <c r="E11" s="272"/>
      <c r="F11" s="272"/>
      <c r="G11" s="2"/>
      <c r="I11" s="274"/>
      <c r="J11" s="274"/>
      <c r="K11" s="274"/>
      <c r="L11" s="274"/>
      <c r="M11" s="274"/>
      <c r="N11" s="274"/>
      <c r="O11" s="274"/>
      <c r="P11" s="274"/>
      <c r="Q11" s="274"/>
      <c r="R11" s="274"/>
      <c r="S11" s="274"/>
      <c r="T11" s="274"/>
      <c r="U11" s="274"/>
      <c r="V11" s="274"/>
      <c r="W11" s="274"/>
      <c r="X11" s="274"/>
      <c r="Y11" s="274"/>
    </row>
    <row r="12" spans="2:25" ht="15.75" customHeight="1" x14ac:dyDescent="0.15">
      <c r="B12" s="296"/>
      <c r="C12" s="253"/>
      <c r="D12" s="253"/>
      <c r="E12" s="253"/>
      <c r="F12" s="253"/>
      <c r="G12" s="323"/>
      <c r="H12" s="297"/>
      <c r="I12" s="265"/>
      <c r="J12" s="265"/>
      <c r="K12" s="265"/>
      <c r="L12" s="265"/>
      <c r="M12" s="265"/>
      <c r="N12" s="265"/>
      <c r="O12" s="265"/>
      <c r="P12" s="265"/>
      <c r="Q12" s="265"/>
      <c r="R12" s="265"/>
      <c r="S12" s="265"/>
      <c r="T12" s="266"/>
      <c r="U12" s="296"/>
      <c r="V12" s="113"/>
      <c r="W12" s="113"/>
      <c r="X12" s="113"/>
      <c r="Y12" s="298"/>
    </row>
    <row r="13" spans="2:25" ht="15.75" customHeight="1" x14ac:dyDescent="0.15">
      <c r="B13" s="295" t="s">
        <v>987</v>
      </c>
      <c r="C13" s="272"/>
      <c r="D13" s="272"/>
      <c r="E13" s="272"/>
      <c r="F13" s="272"/>
      <c r="G13" s="2"/>
      <c r="I13" s="274"/>
      <c r="J13" s="274"/>
      <c r="K13" s="274"/>
      <c r="L13" s="274"/>
      <c r="M13" s="274"/>
      <c r="N13" s="274"/>
      <c r="O13" s="274"/>
      <c r="P13" s="274"/>
      <c r="Q13" s="274"/>
      <c r="R13" s="274"/>
      <c r="S13" s="274"/>
      <c r="T13" s="274"/>
      <c r="U13" s="295"/>
      <c r="V13" s="94" t="s">
        <v>94</v>
      </c>
      <c r="W13" s="94" t="s">
        <v>95</v>
      </c>
      <c r="X13" s="94" t="s">
        <v>96</v>
      </c>
      <c r="Y13" s="294"/>
    </row>
    <row r="14" spans="2:25" ht="9.75" customHeight="1" x14ac:dyDescent="0.15">
      <c r="B14" s="295"/>
      <c r="C14" s="272"/>
      <c r="D14" s="272"/>
      <c r="E14" s="272"/>
      <c r="F14" s="272"/>
      <c r="G14" s="2"/>
      <c r="I14" s="274"/>
      <c r="J14" s="274"/>
      <c r="K14" s="274"/>
      <c r="L14" s="274"/>
      <c r="M14" s="274"/>
      <c r="N14" s="274"/>
      <c r="O14" s="274"/>
      <c r="P14" s="274"/>
      <c r="Q14" s="274"/>
      <c r="R14" s="274"/>
      <c r="S14" s="274"/>
      <c r="T14" s="274"/>
      <c r="U14" s="295"/>
      <c r="V14" s="94"/>
      <c r="W14" s="94"/>
      <c r="X14" s="94"/>
      <c r="Y14" s="294"/>
    </row>
    <row r="15" spans="2:25" ht="15.75" customHeight="1" x14ac:dyDescent="0.15">
      <c r="B15" s="295"/>
      <c r="C15" s="290" t="s">
        <v>1069</v>
      </c>
      <c r="D15" s="272"/>
      <c r="E15" s="272"/>
      <c r="F15" s="272"/>
      <c r="G15" s="2"/>
      <c r="I15" s="274"/>
      <c r="J15" s="274"/>
      <c r="K15" s="274"/>
      <c r="L15" s="274"/>
      <c r="M15" s="274"/>
      <c r="N15" s="274"/>
      <c r="O15" s="274"/>
      <c r="P15" s="274"/>
      <c r="Q15" s="274"/>
      <c r="R15" s="274"/>
      <c r="S15" s="274"/>
      <c r="T15" s="274"/>
      <c r="U15" s="295"/>
      <c r="Y15" s="294"/>
    </row>
    <row r="16" spans="2:25" ht="31.5" customHeight="1" x14ac:dyDescent="0.15">
      <c r="B16" s="295"/>
      <c r="C16" s="570" t="s">
        <v>742</v>
      </c>
      <c r="D16" s="570"/>
      <c r="E16" s="570"/>
      <c r="F16" s="652"/>
      <c r="G16" s="252" t="s">
        <v>180</v>
      </c>
      <c r="H16" s="424" t="s">
        <v>743</v>
      </c>
      <c r="I16" s="424"/>
      <c r="J16" s="424"/>
      <c r="K16" s="424"/>
      <c r="L16" s="424"/>
      <c r="M16" s="424"/>
      <c r="N16" s="424"/>
      <c r="O16" s="424"/>
      <c r="P16" s="424"/>
      <c r="Q16" s="424"/>
      <c r="R16" s="424"/>
      <c r="S16" s="425"/>
      <c r="T16" s="2"/>
      <c r="U16" s="295"/>
      <c r="V16" s="272" t="s">
        <v>0</v>
      </c>
      <c r="W16" s="272" t="s">
        <v>95</v>
      </c>
      <c r="X16" s="272" t="s">
        <v>0</v>
      </c>
      <c r="Y16" s="88"/>
    </row>
    <row r="17" spans="2:25" ht="32.25" customHeight="1" x14ac:dyDescent="0.15">
      <c r="B17" s="91"/>
      <c r="C17" s="570"/>
      <c r="D17" s="570"/>
      <c r="E17" s="570"/>
      <c r="F17" s="652"/>
      <c r="G17" s="305" t="s">
        <v>182</v>
      </c>
      <c r="H17" s="397" t="s">
        <v>744</v>
      </c>
      <c r="I17" s="397"/>
      <c r="J17" s="397"/>
      <c r="K17" s="397"/>
      <c r="L17" s="397"/>
      <c r="M17" s="397"/>
      <c r="N17" s="397"/>
      <c r="O17" s="397"/>
      <c r="P17" s="397"/>
      <c r="Q17" s="397"/>
      <c r="R17" s="397"/>
      <c r="S17" s="460"/>
      <c r="T17" s="260"/>
      <c r="U17" s="295"/>
      <c r="V17" s="272" t="s">
        <v>0</v>
      </c>
      <c r="W17" s="272" t="s">
        <v>95</v>
      </c>
      <c r="X17" s="272" t="s">
        <v>0</v>
      </c>
      <c r="Y17" s="292"/>
    </row>
    <row r="18" spans="2:25" ht="5.25" customHeight="1" x14ac:dyDescent="0.15">
      <c r="B18" s="91"/>
      <c r="C18" s="2"/>
      <c r="D18" s="2"/>
      <c r="E18" s="2"/>
      <c r="F18" s="2"/>
      <c r="U18" s="295"/>
      <c r="Y18" s="294"/>
    </row>
    <row r="19" spans="2:25" ht="17.25" customHeight="1" x14ac:dyDescent="0.15">
      <c r="B19" s="91"/>
      <c r="C19" s="2" t="s">
        <v>988</v>
      </c>
      <c r="D19" s="2"/>
      <c r="E19" s="2"/>
      <c r="F19" s="2"/>
      <c r="U19" s="295"/>
      <c r="Y19" s="294"/>
    </row>
    <row r="20" spans="2:25" ht="32.25" customHeight="1" x14ac:dyDescent="0.15">
      <c r="B20" s="91"/>
      <c r="C20" s="570" t="s">
        <v>745</v>
      </c>
      <c r="D20" s="393"/>
      <c r="E20" s="393"/>
      <c r="F20" s="398"/>
      <c r="G20" s="252" t="s">
        <v>180</v>
      </c>
      <c r="H20" s="455" t="s">
        <v>746</v>
      </c>
      <c r="I20" s="455"/>
      <c r="J20" s="455"/>
      <c r="K20" s="455"/>
      <c r="L20" s="455"/>
      <c r="M20" s="455"/>
      <c r="N20" s="455"/>
      <c r="O20" s="455"/>
      <c r="P20" s="455"/>
      <c r="Q20" s="455"/>
      <c r="R20" s="455"/>
      <c r="S20" s="456"/>
      <c r="U20" s="295"/>
      <c r="V20" s="272" t="s">
        <v>0</v>
      </c>
      <c r="W20" s="272" t="s">
        <v>95</v>
      </c>
      <c r="X20" s="272" t="s">
        <v>0</v>
      </c>
      <c r="Y20" s="88"/>
    </row>
    <row r="21" spans="2:25" ht="31.5" customHeight="1" x14ac:dyDescent="0.15">
      <c r="B21" s="91"/>
      <c r="C21" s="393"/>
      <c r="D21" s="393"/>
      <c r="E21" s="393"/>
      <c r="F21" s="398"/>
      <c r="G21" s="255" t="s">
        <v>182</v>
      </c>
      <c r="H21" s="397" t="s">
        <v>747</v>
      </c>
      <c r="I21" s="397"/>
      <c r="J21" s="397"/>
      <c r="K21" s="397"/>
      <c r="L21" s="397"/>
      <c r="M21" s="397"/>
      <c r="N21" s="397"/>
      <c r="O21" s="397"/>
      <c r="P21" s="397"/>
      <c r="Q21" s="397"/>
      <c r="R21" s="397"/>
      <c r="S21" s="460"/>
      <c r="U21" s="295"/>
      <c r="V21" s="272" t="s">
        <v>0</v>
      </c>
      <c r="W21" s="272" t="s">
        <v>95</v>
      </c>
      <c r="X21" s="272" t="s">
        <v>0</v>
      </c>
      <c r="Y21" s="88"/>
    </row>
    <row r="22" spans="2:25" ht="4.5" customHeight="1" x14ac:dyDescent="0.15">
      <c r="B22" s="91"/>
      <c r="C22" s="2"/>
      <c r="D22" s="2"/>
      <c r="E22" s="2"/>
      <c r="F22" s="2"/>
      <c r="U22" s="295"/>
      <c r="Y22" s="294"/>
    </row>
    <row r="23" spans="2:25" ht="17.25" customHeight="1" x14ac:dyDescent="0.15">
      <c r="B23" s="91"/>
      <c r="C23" s="2" t="s">
        <v>989</v>
      </c>
      <c r="D23" s="2"/>
      <c r="E23" s="2"/>
      <c r="F23" s="2"/>
      <c r="U23" s="295"/>
      <c r="Y23" s="294"/>
    </row>
    <row r="24" spans="2:25" ht="31.5" customHeight="1" x14ac:dyDescent="0.15">
      <c r="B24" s="91"/>
      <c r="C24" s="570" t="s">
        <v>745</v>
      </c>
      <c r="D24" s="393"/>
      <c r="E24" s="393"/>
      <c r="F24" s="398"/>
      <c r="G24" s="252" t="s">
        <v>180</v>
      </c>
      <c r="H24" s="455" t="s">
        <v>748</v>
      </c>
      <c r="I24" s="455"/>
      <c r="J24" s="455"/>
      <c r="K24" s="455"/>
      <c r="L24" s="455"/>
      <c r="M24" s="455"/>
      <c r="N24" s="455"/>
      <c r="O24" s="455"/>
      <c r="P24" s="455"/>
      <c r="Q24" s="455"/>
      <c r="R24" s="455"/>
      <c r="S24" s="456"/>
      <c r="U24" s="295"/>
      <c r="V24" s="272" t="s">
        <v>0</v>
      </c>
      <c r="W24" s="272" t="s">
        <v>95</v>
      </c>
      <c r="X24" s="272" t="s">
        <v>0</v>
      </c>
      <c r="Y24" s="88"/>
    </row>
    <row r="25" spans="2:25" ht="44.25" customHeight="1" x14ac:dyDescent="0.15">
      <c r="B25" s="91"/>
      <c r="C25" s="393"/>
      <c r="D25" s="393"/>
      <c r="E25" s="393"/>
      <c r="F25" s="398"/>
      <c r="G25" s="255" t="s">
        <v>182</v>
      </c>
      <c r="H25" s="397" t="s">
        <v>990</v>
      </c>
      <c r="I25" s="397"/>
      <c r="J25" s="397"/>
      <c r="K25" s="397"/>
      <c r="L25" s="397"/>
      <c r="M25" s="397"/>
      <c r="N25" s="397"/>
      <c r="O25" s="397"/>
      <c r="P25" s="397"/>
      <c r="Q25" s="397"/>
      <c r="R25" s="397"/>
      <c r="S25" s="460"/>
      <c r="U25" s="295"/>
      <c r="V25" s="272" t="s">
        <v>0</v>
      </c>
      <c r="W25" s="272" t="s">
        <v>95</v>
      </c>
      <c r="X25" s="272" t="s">
        <v>0</v>
      </c>
      <c r="Y25" s="88"/>
    </row>
    <row r="26" spans="2:25" ht="6.75" customHeight="1" x14ac:dyDescent="0.15">
      <c r="B26" s="91"/>
      <c r="C26" s="2"/>
      <c r="D26" s="2"/>
      <c r="E26" s="2"/>
      <c r="F26" s="2"/>
      <c r="G26" s="226"/>
      <c r="U26" s="295"/>
      <c r="Y26" s="294"/>
    </row>
    <row r="27" spans="2:25" ht="18" customHeight="1" x14ac:dyDescent="0.15">
      <c r="B27" s="91"/>
      <c r="C27" s="2" t="s">
        <v>991</v>
      </c>
      <c r="E27" s="2"/>
      <c r="F27" s="2"/>
      <c r="U27" s="295"/>
      <c r="Y27" s="294"/>
    </row>
    <row r="28" spans="2:25" ht="31.5" customHeight="1" x14ac:dyDescent="0.15">
      <c r="B28" s="91"/>
      <c r="C28" s="570" t="s">
        <v>745</v>
      </c>
      <c r="D28" s="393"/>
      <c r="E28" s="393"/>
      <c r="F28" s="398"/>
      <c r="G28" s="252" t="s">
        <v>180</v>
      </c>
      <c r="H28" s="455" t="s">
        <v>992</v>
      </c>
      <c r="I28" s="455"/>
      <c r="J28" s="455"/>
      <c r="K28" s="455"/>
      <c r="L28" s="455"/>
      <c r="M28" s="455"/>
      <c r="N28" s="455"/>
      <c r="O28" s="455"/>
      <c r="P28" s="455"/>
      <c r="Q28" s="455"/>
      <c r="R28" s="455"/>
      <c r="S28" s="456"/>
      <c r="U28" s="295"/>
      <c r="V28" s="272" t="s">
        <v>0</v>
      </c>
      <c r="W28" s="272" t="s">
        <v>95</v>
      </c>
      <c r="X28" s="272" t="s">
        <v>0</v>
      </c>
      <c r="Y28" s="88"/>
    </row>
    <row r="29" spans="2:25" ht="29.25" customHeight="1" x14ac:dyDescent="0.15">
      <c r="B29" s="91"/>
      <c r="C29" s="393"/>
      <c r="D29" s="393"/>
      <c r="E29" s="393"/>
      <c r="F29" s="398"/>
      <c r="G29" s="255" t="s">
        <v>182</v>
      </c>
      <c r="H29" s="427" t="s">
        <v>749</v>
      </c>
      <c r="I29" s="427"/>
      <c r="J29" s="427"/>
      <c r="K29" s="427"/>
      <c r="L29" s="427"/>
      <c r="M29" s="427"/>
      <c r="N29" s="427"/>
      <c r="O29" s="427"/>
      <c r="P29" s="427"/>
      <c r="Q29" s="427"/>
      <c r="R29" s="427"/>
      <c r="S29" s="428"/>
      <c r="U29" s="295"/>
      <c r="V29" s="272" t="s">
        <v>0</v>
      </c>
      <c r="W29" s="272" t="s">
        <v>95</v>
      </c>
      <c r="X29" s="272" t="s">
        <v>0</v>
      </c>
      <c r="Y29" s="88"/>
    </row>
    <row r="30" spans="2:25" ht="6.75" customHeight="1" x14ac:dyDescent="0.15">
      <c r="B30" s="91"/>
      <c r="C30" s="272"/>
      <c r="D30" s="272"/>
      <c r="E30" s="272"/>
      <c r="F30" s="272"/>
      <c r="U30" s="295"/>
      <c r="V30" s="335"/>
      <c r="W30" s="272"/>
      <c r="X30" s="335"/>
      <c r="Y30" s="88"/>
    </row>
    <row r="31" spans="2:25" ht="29.25" customHeight="1" x14ac:dyDescent="0.15">
      <c r="B31" s="91"/>
      <c r="C31" s="653" t="s">
        <v>750</v>
      </c>
      <c r="D31" s="653"/>
      <c r="E31" s="500" t="s">
        <v>751</v>
      </c>
      <c r="F31" s="500"/>
      <c r="G31" s="500"/>
      <c r="H31" s="500"/>
      <c r="I31" s="500"/>
      <c r="J31" s="500"/>
      <c r="K31" s="500"/>
      <c r="L31" s="500"/>
      <c r="M31" s="500"/>
      <c r="N31" s="500"/>
      <c r="O31" s="500"/>
      <c r="P31" s="500"/>
      <c r="Q31" s="500"/>
      <c r="R31" s="500"/>
      <c r="S31" s="500"/>
      <c r="T31" s="501"/>
      <c r="U31" s="295"/>
      <c r="Y31" s="294"/>
    </row>
    <row r="32" spans="2:25" ht="19.5" customHeight="1" x14ac:dyDescent="0.15">
      <c r="B32" s="316"/>
      <c r="C32" s="654" t="s">
        <v>752</v>
      </c>
      <c r="D32" s="654"/>
      <c r="E32" s="655" t="s">
        <v>297</v>
      </c>
      <c r="F32" s="655"/>
      <c r="G32" s="655"/>
      <c r="H32" s="655"/>
      <c r="I32" s="655"/>
      <c r="J32" s="655"/>
      <c r="K32" s="655"/>
      <c r="L32" s="655"/>
      <c r="M32" s="655"/>
      <c r="N32" s="655"/>
      <c r="O32" s="655"/>
      <c r="P32" s="655"/>
      <c r="Q32" s="655"/>
      <c r="R32" s="655"/>
      <c r="S32" s="655"/>
      <c r="T32" s="656"/>
      <c r="U32" s="299"/>
      <c r="V32" s="356"/>
      <c r="W32" s="256"/>
      <c r="X32" s="356"/>
      <c r="Y32" s="325"/>
    </row>
    <row r="33" spans="2:28" ht="15" customHeight="1" x14ac:dyDescent="0.15">
      <c r="B33" s="290" t="s">
        <v>280</v>
      </c>
    </row>
    <row r="34" spans="2:28" ht="15" customHeight="1" x14ac:dyDescent="0.15">
      <c r="B34" s="290" t="s">
        <v>281</v>
      </c>
      <c r="K34"/>
      <c r="L34"/>
      <c r="M34"/>
      <c r="N34"/>
      <c r="O34"/>
      <c r="P34"/>
      <c r="Q34"/>
      <c r="R34"/>
      <c r="S34"/>
      <c r="T34"/>
      <c r="U34"/>
      <c r="V34"/>
      <c r="W34"/>
      <c r="X34"/>
      <c r="Y34"/>
      <c r="Z34"/>
      <c r="AA34"/>
      <c r="AB34"/>
    </row>
    <row r="35" spans="2:28" ht="15" customHeight="1" x14ac:dyDescent="0.15"/>
    <row r="36" spans="2:28" ht="4.5" customHeight="1" x14ac:dyDescent="0.15"/>
    <row r="122" spans="3:7" x14ac:dyDescent="0.15">
      <c r="C122" s="259"/>
      <c r="D122" s="259"/>
      <c r="E122" s="259"/>
      <c r="F122" s="259"/>
      <c r="G122" s="259"/>
    </row>
    <row r="123" spans="3:7" x14ac:dyDescent="0.15">
      <c r="C123" s="297"/>
    </row>
  </sheetData>
  <mergeCells count="24">
    <mergeCell ref="C31:D31"/>
    <mergeCell ref="E31:T31"/>
    <mergeCell ref="C32:D32"/>
    <mergeCell ref="E32:T32"/>
    <mergeCell ref="C24:F25"/>
    <mergeCell ref="H24:S24"/>
    <mergeCell ref="H25:S25"/>
    <mergeCell ref="C28:F29"/>
    <mergeCell ref="H28:S28"/>
    <mergeCell ref="H29:S29"/>
    <mergeCell ref="C16:F17"/>
    <mergeCell ref="H16:S16"/>
    <mergeCell ref="H17:S17"/>
    <mergeCell ref="C20:F21"/>
    <mergeCell ref="H20:S20"/>
    <mergeCell ref="H21:S21"/>
    <mergeCell ref="B4:Y4"/>
    <mergeCell ref="B6:F6"/>
    <mergeCell ref="G6:Y6"/>
    <mergeCell ref="B7:F7"/>
    <mergeCell ref="B8:F10"/>
    <mergeCell ref="H8:Y8"/>
    <mergeCell ref="H9:Y9"/>
    <mergeCell ref="H10:Y10"/>
  </mergeCells>
  <phoneticPr fontId="1"/>
  <dataValidations count="1">
    <dataValidation type="list" allowBlank="1" showInputMessage="1" showErrorMessage="1" sqref="V16:V17 X16:X17 V28:V29 X28:X29 V24:V25 X24:X25 V20:V21 X20:X21 G7:G10 L7 Q7">
      <formula1>"□,■"</formula1>
    </dataValidation>
  </dataValidations>
  <pageMargins left="0.7" right="0.7" top="0.75" bottom="0.75" header="0.3" footer="0.3"/>
  <pageSetup paperSize="9" scale="96"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J969"/>
  <sheetViews>
    <sheetView zoomScaleNormal="100" zoomScaleSheetLayoutView="130" workbookViewId="0">
      <selection activeCell="F61" sqref="F61"/>
    </sheetView>
  </sheetViews>
  <sheetFormatPr defaultColWidth="4" defaultRowHeight="13.5" x14ac:dyDescent="0.15"/>
  <cols>
    <col min="1" max="1" width="2.875" style="290" customWidth="1"/>
    <col min="2" max="2" width="2.375" style="290" customWidth="1"/>
    <col min="3" max="3" width="3.5" style="290" customWidth="1"/>
    <col min="4" max="13" width="3.625" style="290" customWidth="1"/>
    <col min="14" max="14" width="4.875" style="290" customWidth="1"/>
    <col min="15" max="15" width="3.625" style="290" customWidth="1"/>
    <col min="16" max="16" width="1.5" style="290" customWidth="1"/>
    <col min="17" max="18" width="3.625" style="290" customWidth="1"/>
    <col min="19" max="19" width="2.75" style="290" customWidth="1"/>
    <col min="20" max="31" width="3.625" style="290" customWidth="1"/>
    <col min="32" max="16384" width="4" style="290"/>
  </cols>
  <sheetData>
    <row r="2" spans="2:31" x14ac:dyDescent="0.15">
      <c r="B2" s="290" t="s">
        <v>906</v>
      </c>
    </row>
    <row r="3" spans="2:31" x14ac:dyDescent="0.15">
      <c r="U3" s="2"/>
      <c r="X3" s="283" t="s">
        <v>9</v>
      </c>
      <c r="Y3" s="392"/>
      <c r="Z3" s="392"/>
      <c r="AA3" s="283" t="s">
        <v>10</v>
      </c>
      <c r="AB3" s="272"/>
      <c r="AC3" s="283" t="s">
        <v>80</v>
      </c>
      <c r="AD3" s="272"/>
      <c r="AE3" s="283" t="s">
        <v>81</v>
      </c>
    </row>
    <row r="4" spans="2:31" x14ac:dyDescent="0.15">
      <c r="T4" s="353"/>
      <c r="U4" s="353"/>
      <c r="V4" s="353"/>
    </row>
    <row r="5" spans="2:31" x14ac:dyDescent="0.15">
      <c r="B5" s="392" t="s">
        <v>543</v>
      </c>
      <c r="C5" s="392"/>
      <c r="D5" s="392"/>
      <c r="E5" s="392"/>
      <c r="F5" s="392"/>
      <c r="G5" s="392"/>
      <c r="H5" s="392"/>
      <c r="I5" s="392"/>
      <c r="J5" s="392"/>
      <c r="K5" s="392"/>
      <c r="L5" s="392"/>
      <c r="M5" s="392"/>
      <c r="N5" s="392"/>
      <c r="O5" s="392"/>
      <c r="P5" s="392"/>
      <c r="Q5" s="392"/>
      <c r="R5" s="392"/>
      <c r="S5" s="392"/>
      <c r="T5" s="392"/>
      <c r="U5" s="392"/>
      <c r="V5" s="392"/>
      <c r="W5" s="392"/>
      <c r="X5" s="392"/>
      <c r="Y5" s="392"/>
      <c r="Z5" s="392"/>
      <c r="AA5" s="392"/>
      <c r="AB5" s="392"/>
      <c r="AC5" s="392"/>
      <c r="AD5" s="392"/>
      <c r="AE5" s="392"/>
    </row>
    <row r="6" spans="2:31" x14ac:dyDescent="0.15">
      <c r="B6" s="392" t="s">
        <v>544</v>
      </c>
      <c r="C6" s="392"/>
      <c r="D6" s="392"/>
      <c r="E6" s="392"/>
      <c r="F6" s="392"/>
      <c r="G6" s="392"/>
      <c r="H6" s="392"/>
      <c r="I6" s="392"/>
      <c r="J6" s="392"/>
      <c r="K6" s="392"/>
      <c r="L6" s="392"/>
      <c r="M6" s="392"/>
      <c r="N6" s="392"/>
      <c r="O6" s="392"/>
      <c r="P6" s="392"/>
      <c r="Q6" s="392"/>
      <c r="R6" s="392"/>
      <c r="S6" s="392"/>
      <c r="T6" s="392"/>
      <c r="U6" s="392"/>
      <c r="V6" s="392"/>
      <c r="W6" s="392"/>
      <c r="X6" s="392"/>
      <c r="Y6" s="392"/>
      <c r="Z6" s="392"/>
      <c r="AA6" s="392"/>
      <c r="AB6" s="392"/>
      <c r="AC6" s="392"/>
      <c r="AD6" s="392"/>
      <c r="AE6" s="272"/>
    </row>
    <row r="7" spans="2:31" ht="23.25" customHeight="1" x14ac:dyDescent="0.15"/>
    <row r="8" spans="2:31" ht="23.25" customHeight="1" x14ac:dyDescent="0.15">
      <c r="B8" s="220" t="s">
        <v>85</v>
      </c>
      <c r="C8" s="220"/>
      <c r="D8" s="220"/>
      <c r="E8" s="220"/>
      <c r="F8" s="398"/>
      <c r="G8" s="399"/>
      <c r="H8" s="399"/>
      <c r="I8" s="399"/>
      <c r="J8" s="399"/>
      <c r="K8" s="399"/>
      <c r="L8" s="399"/>
      <c r="M8" s="399"/>
      <c r="N8" s="399"/>
      <c r="O8" s="399"/>
      <c r="P8" s="399"/>
      <c r="Q8" s="399"/>
      <c r="R8" s="399"/>
      <c r="S8" s="399"/>
      <c r="T8" s="399"/>
      <c r="U8" s="399"/>
      <c r="V8" s="399"/>
      <c r="W8" s="399"/>
      <c r="X8" s="399"/>
      <c r="Y8" s="399"/>
      <c r="Z8" s="399"/>
      <c r="AA8" s="399"/>
      <c r="AB8" s="399"/>
      <c r="AC8" s="399"/>
      <c r="AD8" s="399"/>
      <c r="AE8" s="400"/>
    </row>
    <row r="9" spans="2:31" ht="24.95" customHeight="1" x14ac:dyDescent="0.15">
      <c r="B9" s="220" t="s">
        <v>116</v>
      </c>
      <c r="C9" s="220"/>
      <c r="D9" s="220"/>
      <c r="E9" s="220"/>
      <c r="F9" s="249" t="s">
        <v>0</v>
      </c>
      <c r="G9" s="315" t="s">
        <v>545</v>
      </c>
      <c r="H9" s="315"/>
      <c r="I9" s="315"/>
      <c r="J9" s="315"/>
      <c r="K9" s="250" t="s">
        <v>0</v>
      </c>
      <c r="L9" s="315" t="s">
        <v>546</v>
      </c>
      <c r="M9" s="315"/>
      <c r="N9" s="315"/>
      <c r="O9" s="315"/>
      <c r="P9" s="315"/>
      <c r="Q9" s="250" t="s">
        <v>0</v>
      </c>
      <c r="R9" s="315" t="s">
        <v>547</v>
      </c>
      <c r="S9" s="315"/>
      <c r="T9" s="315"/>
      <c r="U9" s="315"/>
      <c r="V9" s="315"/>
      <c r="W9" s="315"/>
      <c r="X9" s="315"/>
      <c r="Y9" s="315"/>
      <c r="Z9" s="315"/>
      <c r="AA9" s="315"/>
      <c r="AB9" s="315"/>
      <c r="AC9" s="315"/>
      <c r="AD9" s="286"/>
      <c r="AE9" s="287"/>
    </row>
    <row r="10" spans="2:31" ht="24.95" customHeight="1" x14ac:dyDescent="0.15">
      <c r="B10" s="401" t="s">
        <v>548</v>
      </c>
      <c r="C10" s="402"/>
      <c r="D10" s="402"/>
      <c r="E10" s="403"/>
      <c r="F10" s="272" t="s">
        <v>0</v>
      </c>
      <c r="G10" s="2" t="s">
        <v>549</v>
      </c>
      <c r="H10" s="2"/>
      <c r="I10" s="2"/>
      <c r="J10" s="2"/>
      <c r="K10" s="2"/>
      <c r="L10" s="2"/>
      <c r="M10" s="2"/>
      <c r="N10" s="2"/>
      <c r="O10" s="2"/>
      <c r="Q10" s="297"/>
      <c r="R10" s="253" t="s">
        <v>0</v>
      </c>
      <c r="S10" s="2" t="s">
        <v>550</v>
      </c>
      <c r="T10" s="2"/>
      <c r="U10" s="2"/>
      <c r="V10" s="2"/>
      <c r="W10" s="323"/>
      <c r="X10" s="323"/>
      <c r="Y10" s="323"/>
      <c r="Z10" s="323"/>
      <c r="AA10" s="323"/>
      <c r="AB10" s="323"/>
      <c r="AC10" s="323"/>
      <c r="AD10" s="297"/>
      <c r="AE10" s="298"/>
    </row>
    <row r="11" spans="2:31" ht="24.95" customHeight="1" x14ac:dyDescent="0.15">
      <c r="B11" s="421"/>
      <c r="C11" s="392"/>
      <c r="D11" s="392"/>
      <c r="E11" s="422"/>
      <c r="F11" s="272" t="s">
        <v>0</v>
      </c>
      <c r="G11" s="2" t="s">
        <v>551</v>
      </c>
      <c r="H11" s="2"/>
      <c r="I11" s="2"/>
      <c r="J11" s="2"/>
      <c r="K11" s="2"/>
      <c r="L11" s="2"/>
      <c r="M11" s="2"/>
      <c r="N11" s="2"/>
      <c r="O11" s="2"/>
      <c r="R11" s="272" t="s">
        <v>0</v>
      </c>
      <c r="S11" s="2" t="s">
        <v>552</v>
      </c>
      <c r="T11" s="2"/>
      <c r="U11" s="2"/>
      <c r="V11" s="2"/>
      <c r="W11" s="2"/>
      <c r="X11" s="2"/>
      <c r="Y11" s="2"/>
      <c r="Z11" s="2"/>
      <c r="AA11" s="2"/>
      <c r="AB11" s="2"/>
      <c r="AC11" s="2"/>
      <c r="AE11" s="294"/>
    </row>
    <row r="12" spans="2:31" ht="24.95" customHeight="1" x14ac:dyDescent="0.15">
      <c r="B12" s="220" t="s">
        <v>122</v>
      </c>
      <c r="C12" s="220"/>
      <c r="D12" s="220"/>
      <c r="E12" s="220"/>
      <c r="F12" s="249" t="s">
        <v>0</v>
      </c>
      <c r="G12" s="315" t="s">
        <v>553</v>
      </c>
      <c r="H12" s="221"/>
      <c r="I12" s="221"/>
      <c r="J12" s="221"/>
      <c r="K12" s="221"/>
      <c r="L12" s="221"/>
      <c r="M12" s="221"/>
      <c r="N12" s="221"/>
      <c r="O12" s="221"/>
      <c r="P12" s="221"/>
      <c r="Q12" s="286"/>
      <c r="R12" s="250" t="s">
        <v>0</v>
      </c>
      <c r="S12" s="315" t="s">
        <v>554</v>
      </c>
      <c r="T12" s="221"/>
      <c r="U12" s="221"/>
      <c r="V12" s="221"/>
      <c r="W12" s="221"/>
      <c r="X12" s="221"/>
      <c r="Y12" s="221"/>
      <c r="Z12" s="221"/>
      <c r="AA12" s="221"/>
      <c r="AB12" s="221"/>
      <c r="AC12" s="221"/>
      <c r="AD12" s="286"/>
      <c r="AE12" s="287"/>
    </row>
    <row r="13" spans="2:31" ht="24.95" customHeight="1" x14ac:dyDescent="0.15"/>
    <row r="14" spans="2:31" ht="24.95" customHeight="1" x14ac:dyDescent="0.15">
      <c r="B14" s="277"/>
      <c r="C14" s="286"/>
      <c r="D14" s="286"/>
      <c r="E14" s="286"/>
      <c r="F14" s="286"/>
      <c r="G14" s="286"/>
      <c r="H14" s="286"/>
      <c r="I14" s="286"/>
      <c r="J14" s="286"/>
      <c r="K14" s="286"/>
      <c r="L14" s="286"/>
      <c r="M14" s="286"/>
      <c r="N14" s="286"/>
      <c r="O14" s="286"/>
      <c r="P14" s="286"/>
      <c r="Q14" s="286"/>
      <c r="R14" s="286"/>
      <c r="S14" s="286"/>
      <c r="T14" s="286"/>
      <c r="U14" s="286"/>
      <c r="V14" s="286"/>
      <c r="W14" s="286"/>
      <c r="X14" s="286"/>
      <c r="Y14" s="286"/>
      <c r="Z14" s="287"/>
      <c r="AA14" s="249"/>
      <c r="AB14" s="250" t="s">
        <v>94</v>
      </c>
      <c r="AC14" s="250" t="s">
        <v>95</v>
      </c>
      <c r="AD14" s="250" t="s">
        <v>96</v>
      </c>
      <c r="AE14" s="287"/>
    </row>
    <row r="15" spans="2:31" ht="24.95" customHeight="1" x14ac:dyDescent="0.15">
      <c r="B15" s="296" t="s">
        <v>555</v>
      </c>
      <c r="C15" s="297"/>
      <c r="D15" s="297"/>
      <c r="E15" s="297"/>
      <c r="F15" s="297"/>
      <c r="G15" s="297"/>
      <c r="H15" s="297"/>
      <c r="I15" s="297"/>
      <c r="J15" s="297"/>
      <c r="K15" s="297"/>
      <c r="L15" s="297"/>
      <c r="M15" s="297"/>
      <c r="N15" s="297"/>
      <c r="O15" s="297"/>
      <c r="P15" s="297"/>
      <c r="Q15" s="297"/>
      <c r="R15" s="297"/>
      <c r="S15" s="297"/>
      <c r="T15" s="297"/>
      <c r="U15" s="297"/>
      <c r="V15" s="297"/>
      <c r="W15" s="297"/>
      <c r="X15" s="297"/>
      <c r="Y15" s="297"/>
      <c r="Z15" s="324"/>
      <c r="AA15" s="252"/>
      <c r="AB15" s="253"/>
      <c r="AC15" s="253"/>
      <c r="AD15" s="297"/>
      <c r="AE15" s="298"/>
    </row>
    <row r="16" spans="2:31" ht="30.75" customHeight="1" x14ac:dyDescent="0.15">
      <c r="B16" s="295"/>
      <c r="C16" s="222" t="s">
        <v>556</v>
      </c>
      <c r="D16" s="290" t="s">
        <v>922</v>
      </c>
      <c r="Z16" s="184"/>
      <c r="AA16" s="338"/>
      <c r="AB16" s="272" t="s">
        <v>0</v>
      </c>
      <c r="AC16" s="272" t="s">
        <v>95</v>
      </c>
      <c r="AD16" s="272" t="s">
        <v>0</v>
      </c>
      <c r="AE16" s="294"/>
    </row>
    <row r="17" spans="2:31" x14ac:dyDescent="0.15">
      <c r="B17" s="295"/>
      <c r="D17" s="290" t="s">
        <v>557</v>
      </c>
      <c r="Z17" s="88"/>
      <c r="AA17" s="291"/>
      <c r="AB17" s="272"/>
      <c r="AC17" s="272"/>
      <c r="AE17" s="294"/>
    </row>
    <row r="18" spans="2:31" x14ac:dyDescent="0.15">
      <c r="B18" s="295"/>
      <c r="Z18" s="88"/>
      <c r="AA18" s="291"/>
      <c r="AB18" s="272"/>
      <c r="AC18" s="272"/>
      <c r="AE18" s="294"/>
    </row>
    <row r="19" spans="2:31" x14ac:dyDescent="0.15">
      <c r="B19" s="295"/>
      <c r="D19" s="314" t="s">
        <v>558</v>
      </c>
      <c r="E19" s="315"/>
      <c r="F19" s="315"/>
      <c r="G19" s="315"/>
      <c r="H19" s="315"/>
      <c r="I19" s="315"/>
      <c r="J19" s="315"/>
      <c r="K19" s="315"/>
      <c r="L19" s="315"/>
      <c r="M19" s="315"/>
      <c r="N19" s="315"/>
      <c r="O19" s="286"/>
      <c r="P19" s="286"/>
      <c r="Q19" s="286"/>
      <c r="R19" s="286"/>
      <c r="S19" s="315"/>
      <c r="T19" s="315"/>
      <c r="U19" s="398"/>
      <c r="V19" s="399"/>
      <c r="W19" s="399"/>
      <c r="X19" s="286" t="s">
        <v>559</v>
      </c>
      <c r="Y19" s="295"/>
      <c r="Z19" s="88"/>
      <c r="AA19" s="291"/>
      <c r="AB19" s="272"/>
      <c r="AC19" s="272"/>
      <c r="AE19" s="294"/>
    </row>
    <row r="20" spans="2:31" x14ac:dyDescent="0.15">
      <c r="B20" s="295"/>
      <c r="D20" s="314" t="s">
        <v>850</v>
      </c>
      <c r="E20" s="315"/>
      <c r="F20" s="315"/>
      <c r="G20" s="315"/>
      <c r="H20" s="315"/>
      <c r="I20" s="315"/>
      <c r="J20" s="315"/>
      <c r="K20" s="315"/>
      <c r="L20" s="315"/>
      <c r="M20" s="315"/>
      <c r="N20" s="315"/>
      <c r="O20" s="286"/>
      <c r="P20" s="286"/>
      <c r="Q20" s="286"/>
      <c r="R20" s="286"/>
      <c r="S20" s="315"/>
      <c r="T20" s="315"/>
      <c r="U20" s="398"/>
      <c r="V20" s="399"/>
      <c r="W20" s="399"/>
      <c r="X20" s="286" t="s">
        <v>559</v>
      </c>
      <c r="Y20" s="295"/>
      <c r="Z20" s="294"/>
      <c r="AA20" s="291"/>
      <c r="AB20" s="272"/>
      <c r="AC20" s="272"/>
      <c r="AE20" s="294"/>
    </row>
    <row r="21" spans="2:31" x14ac:dyDescent="0.15">
      <c r="B21" s="295"/>
      <c r="D21" s="314" t="s">
        <v>560</v>
      </c>
      <c r="E21" s="315"/>
      <c r="F21" s="315"/>
      <c r="G21" s="315"/>
      <c r="H21" s="315"/>
      <c r="I21" s="315"/>
      <c r="J21" s="315"/>
      <c r="K21" s="315"/>
      <c r="L21" s="315"/>
      <c r="M21" s="315"/>
      <c r="N21" s="315"/>
      <c r="O21" s="286"/>
      <c r="P21" s="286"/>
      <c r="Q21" s="286"/>
      <c r="R21" s="286"/>
      <c r="S21" s="315"/>
      <c r="T21" s="223" t="str">
        <f>(IFERROR(ROUNDDOWN(T20/T19*100,0),""))</f>
        <v/>
      </c>
      <c r="U21" s="434" t="str">
        <f>(IFERROR(ROUNDDOWN(U20/U19*100,0),""))</f>
        <v/>
      </c>
      <c r="V21" s="435"/>
      <c r="W21" s="435"/>
      <c r="X21" s="286" t="s">
        <v>60</v>
      </c>
      <c r="Y21" s="295"/>
      <c r="Z21" s="292"/>
      <c r="AA21" s="291"/>
      <c r="AB21" s="272"/>
      <c r="AC21" s="272"/>
      <c r="AE21" s="294"/>
    </row>
    <row r="22" spans="2:31" ht="13.5" customHeight="1" x14ac:dyDescent="0.15">
      <c r="B22" s="295"/>
      <c r="D22" s="290" t="s">
        <v>561</v>
      </c>
      <c r="Z22" s="292"/>
      <c r="AA22" s="291"/>
      <c r="AB22" s="272"/>
      <c r="AC22" s="272"/>
      <c r="AE22" s="294"/>
    </row>
    <row r="23" spans="2:31" x14ac:dyDescent="0.15">
      <c r="B23" s="295"/>
      <c r="Z23" s="292"/>
      <c r="AA23" s="291"/>
      <c r="AB23" s="272"/>
      <c r="AC23" s="272"/>
      <c r="AE23" s="294"/>
    </row>
    <row r="24" spans="2:31" x14ac:dyDescent="0.15">
      <c r="B24" s="295"/>
      <c r="Z24" s="292"/>
      <c r="AA24" s="291"/>
      <c r="AB24" s="272"/>
      <c r="AC24" s="272"/>
      <c r="AE24" s="294"/>
    </row>
    <row r="25" spans="2:31" x14ac:dyDescent="0.15">
      <c r="B25" s="295"/>
      <c r="C25" s="222" t="s">
        <v>562</v>
      </c>
      <c r="D25" s="290" t="s">
        <v>923</v>
      </c>
      <c r="Z25" s="184"/>
      <c r="AA25" s="291"/>
      <c r="AB25" s="272" t="s">
        <v>0</v>
      </c>
      <c r="AC25" s="272" t="s">
        <v>95</v>
      </c>
      <c r="AD25" s="272" t="s">
        <v>0</v>
      </c>
      <c r="AE25" s="294"/>
    </row>
    <row r="26" spans="2:31" x14ac:dyDescent="0.15">
      <c r="B26" s="295"/>
      <c r="C26" s="222"/>
      <c r="D26" s="290" t="s">
        <v>563</v>
      </c>
      <c r="Z26" s="184"/>
      <c r="AA26" s="291"/>
      <c r="AB26" s="272"/>
      <c r="AC26" s="272"/>
      <c r="AD26" s="272"/>
      <c r="AE26" s="294"/>
    </row>
    <row r="27" spans="2:31" x14ac:dyDescent="0.15">
      <c r="B27" s="295"/>
      <c r="C27" s="222"/>
      <c r="D27" s="290" t="s">
        <v>564</v>
      </c>
      <c r="Z27" s="184"/>
      <c r="AA27" s="338"/>
      <c r="AB27" s="272"/>
      <c r="AC27" s="335"/>
      <c r="AE27" s="294"/>
    </row>
    <row r="28" spans="2:31" x14ac:dyDescent="0.15">
      <c r="B28" s="295"/>
      <c r="Z28" s="292"/>
      <c r="AA28" s="291"/>
      <c r="AB28" s="272"/>
      <c r="AC28" s="272"/>
      <c r="AE28" s="294"/>
    </row>
    <row r="29" spans="2:31" x14ac:dyDescent="0.15">
      <c r="B29" s="295"/>
      <c r="C29" s="222"/>
      <c r="D29" s="314" t="s">
        <v>565</v>
      </c>
      <c r="E29" s="315"/>
      <c r="F29" s="315"/>
      <c r="G29" s="315"/>
      <c r="H29" s="315"/>
      <c r="I29" s="315"/>
      <c r="J29" s="315"/>
      <c r="K29" s="315"/>
      <c r="L29" s="315"/>
      <c r="M29" s="315"/>
      <c r="N29" s="315"/>
      <c r="O29" s="286"/>
      <c r="P29" s="286"/>
      <c r="Q29" s="286"/>
      <c r="R29" s="286"/>
      <c r="S29" s="286"/>
      <c r="T29" s="287"/>
      <c r="U29" s="398"/>
      <c r="V29" s="399"/>
      <c r="W29" s="399"/>
      <c r="X29" s="287" t="s">
        <v>559</v>
      </c>
      <c r="Y29" s="295"/>
      <c r="Z29" s="292"/>
      <c r="AA29" s="291"/>
      <c r="AB29" s="272"/>
      <c r="AC29" s="272"/>
      <c r="AE29" s="294"/>
    </row>
    <row r="30" spans="2:31" x14ac:dyDescent="0.15">
      <c r="B30" s="295"/>
      <c r="C30" s="222"/>
      <c r="D30" s="2"/>
      <c r="E30" s="2"/>
      <c r="F30" s="2"/>
      <c r="G30" s="2"/>
      <c r="H30" s="2"/>
      <c r="I30" s="2"/>
      <c r="J30" s="2"/>
      <c r="K30" s="2"/>
      <c r="L30" s="2"/>
      <c r="M30" s="2"/>
      <c r="N30" s="2"/>
      <c r="U30" s="272"/>
      <c r="V30" s="272"/>
      <c r="W30" s="272"/>
      <c r="Z30" s="292"/>
      <c r="AA30" s="291"/>
      <c r="AB30" s="272"/>
      <c r="AC30" s="272"/>
      <c r="AE30" s="294"/>
    </row>
    <row r="31" spans="2:31" x14ac:dyDescent="0.15">
      <c r="B31" s="295"/>
      <c r="C31" s="222"/>
      <c r="D31" s="138" t="s">
        <v>566</v>
      </c>
      <c r="Z31" s="292"/>
      <c r="AA31" s="291"/>
      <c r="AB31" s="272"/>
      <c r="AC31" s="272"/>
      <c r="AE31" s="294"/>
    </row>
    <row r="32" spans="2:31" ht="13.5" customHeight="1" x14ac:dyDescent="0.15">
      <c r="B32" s="295"/>
      <c r="C32" s="222"/>
      <c r="D32" s="433" t="s">
        <v>924</v>
      </c>
      <c r="E32" s="433"/>
      <c r="F32" s="433"/>
      <c r="G32" s="433"/>
      <c r="H32" s="433"/>
      <c r="I32" s="433"/>
      <c r="J32" s="433"/>
      <c r="K32" s="433"/>
      <c r="L32" s="433"/>
      <c r="M32" s="433"/>
      <c r="N32" s="433"/>
      <c r="O32" s="433" t="s">
        <v>567</v>
      </c>
      <c r="P32" s="433"/>
      <c r="Q32" s="433"/>
      <c r="R32" s="433"/>
      <c r="S32" s="433"/>
      <c r="Z32" s="292"/>
      <c r="AA32" s="291"/>
      <c r="AB32" s="272"/>
      <c r="AC32" s="272"/>
      <c r="AE32" s="294"/>
    </row>
    <row r="33" spans="2:36" x14ac:dyDescent="0.15">
      <c r="B33" s="295"/>
      <c r="C33" s="222"/>
      <c r="D33" s="433" t="s">
        <v>568</v>
      </c>
      <c r="E33" s="433"/>
      <c r="F33" s="433"/>
      <c r="G33" s="433"/>
      <c r="H33" s="433"/>
      <c r="I33" s="433"/>
      <c r="J33" s="433"/>
      <c r="K33" s="433"/>
      <c r="L33" s="433"/>
      <c r="M33" s="433"/>
      <c r="N33" s="433"/>
      <c r="O33" s="433" t="s">
        <v>569</v>
      </c>
      <c r="P33" s="433"/>
      <c r="Q33" s="433"/>
      <c r="R33" s="433"/>
      <c r="S33" s="433"/>
      <c r="Z33" s="292"/>
      <c r="AA33" s="291"/>
      <c r="AB33" s="272"/>
      <c r="AC33" s="272"/>
      <c r="AE33" s="294"/>
    </row>
    <row r="34" spans="2:36" ht="13.5" customHeight="1" x14ac:dyDescent="0.15">
      <c r="B34" s="295"/>
      <c r="C34" s="222"/>
      <c r="D34" s="433" t="s">
        <v>570</v>
      </c>
      <c r="E34" s="433"/>
      <c r="F34" s="433"/>
      <c r="G34" s="433"/>
      <c r="H34" s="433"/>
      <c r="I34" s="433"/>
      <c r="J34" s="433"/>
      <c r="K34" s="433"/>
      <c r="L34" s="433"/>
      <c r="M34" s="433"/>
      <c r="N34" s="433"/>
      <c r="O34" s="433" t="s">
        <v>571</v>
      </c>
      <c r="P34" s="433"/>
      <c r="Q34" s="433"/>
      <c r="R34" s="433"/>
      <c r="S34" s="433"/>
      <c r="Z34" s="292"/>
      <c r="AA34" s="291"/>
      <c r="AB34" s="272"/>
      <c r="AC34" s="272"/>
      <c r="AE34" s="294"/>
    </row>
    <row r="35" spans="2:36" x14ac:dyDescent="0.15">
      <c r="B35" s="295"/>
      <c r="C35" s="222"/>
      <c r="D35" s="433" t="s">
        <v>572</v>
      </c>
      <c r="E35" s="433"/>
      <c r="F35" s="433"/>
      <c r="G35" s="433"/>
      <c r="H35" s="433"/>
      <c r="I35" s="433"/>
      <c r="J35" s="433"/>
      <c r="K35" s="433"/>
      <c r="L35" s="433"/>
      <c r="M35" s="433"/>
      <c r="N35" s="433"/>
      <c r="O35" s="433" t="s">
        <v>434</v>
      </c>
      <c r="P35" s="433"/>
      <c r="Q35" s="433"/>
      <c r="R35" s="433"/>
      <c r="S35" s="433"/>
      <c r="Z35" s="292"/>
      <c r="AA35" s="291"/>
      <c r="AB35" s="272"/>
      <c r="AC35" s="272"/>
      <c r="AE35" s="294"/>
    </row>
    <row r="36" spans="2:36" x14ac:dyDescent="0.15">
      <c r="B36" s="295"/>
      <c r="C36" s="222"/>
      <c r="D36" s="433" t="s">
        <v>573</v>
      </c>
      <c r="E36" s="433"/>
      <c r="F36" s="433"/>
      <c r="G36" s="433"/>
      <c r="H36" s="433"/>
      <c r="I36" s="433"/>
      <c r="J36" s="433"/>
      <c r="K36" s="433"/>
      <c r="L36" s="433"/>
      <c r="M36" s="433"/>
      <c r="N36" s="433"/>
      <c r="O36" s="433" t="s">
        <v>574</v>
      </c>
      <c r="P36" s="433"/>
      <c r="Q36" s="433"/>
      <c r="R36" s="433"/>
      <c r="S36" s="433"/>
      <c r="Z36" s="292"/>
      <c r="AA36" s="291"/>
      <c r="AB36" s="272"/>
      <c r="AC36" s="272"/>
      <c r="AE36" s="294"/>
    </row>
    <row r="37" spans="2:36" x14ac:dyDescent="0.15">
      <c r="B37" s="295"/>
      <c r="C37" s="222"/>
      <c r="D37" s="433" t="s">
        <v>575</v>
      </c>
      <c r="E37" s="433"/>
      <c r="F37" s="433"/>
      <c r="G37" s="433"/>
      <c r="H37" s="433"/>
      <c r="I37" s="433"/>
      <c r="J37" s="433"/>
      <c r="K37" s="433"/>
      <c r="L37" s="433"/>
      <c r="M37" s="433"/>
      <c r="N37" s="433"/>
      <c r="O37" s="433" t="s">
        <v>433</v>
      </c>
      <c r="P37" s="433"/>
      <c r="Q37" s="433"/>
      <c r="R37" s="433"/>
      <c r="S37" s="433"/>
      <c r="Z37" s="292"/>
      <c r="AA37" s="291"/>
      <c r="AB37" s="272"/>
      <c r="AC37" s="272"/>
      <c r="AE37" s="294"/>
    </row>
    <row r="38" spans="2:36" x14ac:dyDescent="0.15">
      <c r="B38" s="295"/>
      <c r="C38" s="222"/>
      <c r="D38" s="433" t="s">
        <v>576</v>
      </c>
      <c r="E38" s="433"/>
      <c r="F38" s="433"/>
      <c r="G38" s="433"/>
      <c r="H38" s="433"/>
      <c r="I38" s="433"/>
      <c r="J38" s="433"/>
      <c r="K38" s="433"/>
      <c r="L38" s="433"/>
      <c r="M38" s="433"/>
      <c r="N38" s="433"/>
      <c r="O38" s="433" t="s">
        <v>577</v>
      </c>
      <c r="P38" s="433"/>
      <c r="Q38" s="433"/>
      <c r="R38" s="433"/>
      <c r="S38" s="436"/>
      <c r="T38" s="295"/>
      <c r="Z38" s="292"/>
      <c r="AA38" s="291"/>
      <c r="AB38" s="272"/>
      <c r="AC38" s="272"/>
      <c r="AE38" s="294"/>
    </row>
    <row r="39" spans="2:36" x14ac:dyDescent="0.15">
      <c r="B39" s="295"/>
      <c r="C39" s="222"/>
      <c r="D39" s="433" t="s">
        <v>578</v>
      </c>
      <c r="E39" s="433"/>
      <c r="F39" s="433"/>
      <c r="G39" s="433"/>
      <c r="H39" s="433"/>
      <c r="I39" s="433"/>
      <c r="J39" s="433"/>
      <c r="K39" s="433"/>
      <c r="L39" s="433"/>
      <c r="M39" s="433"/>
      <c r="N39" s="433"/>
      <c r="O39" s="437" t="s">
        <v>578</v>
      </c>
      <c r="P39" s="437"/>
      <c r="Q39" s="437"/>
      <c r="R39" s="437"/>
      <c r="S39" s="437"/>
      <c r="Z39" s="88"/>
      <c r="AA39" s="291"/>
      <c r="AB39" s="272"/>
      <c r="AC39" s="272"/>
      <c r="AE39" s="294"/>
    </row>
    <row r="40" spans="2:36" x14ac:dyDescent="0.15">
      <c r="B40" s="295"/>
      <c r="C40" s="222"/>
      <c r="J40" s="392"/>
      <c r="K40" s="392"/>
      <c r="L40" s="392"/>
      <c r="M40" s="392"/>
      <c r="N40" s="392"/>
      <c r="O40" s="392"/>
      <c r="P40" s="392"/>
      <c r="Q40" s="392"/>
      <c r="R40" s="392"/>
      <c r="S40" s="392"/>
      <c r="T40" s="392"/>
      <c r="U40" s="392"/>
      <c r="V40" s="392"/>
      <c r="Z40" s="88"/>
      <c r="AA40" s="291"/>
      <c r="AB40" s="272"/>
      <c r="AC40" s="272"/>
      <c r="AE40" s="294"/>
    </row>
    <row r="41" spans="2:36" x14ac:dyDescent="0.15">
      <c r="B41" s="295"/>
      <c r="C41" s="222" t="s">
        <v>579</v>
      </c>
      <c r="D41" s="290" t="s">
        <v>580</v>
      </c>
      <c r="Z41" s="184"/>
      <c r="AA41" s="338"/>
      <c r="AB41" s="272" t="s">
        <v>0</v>
      </c>
      <c r="AC41" s="272" t="s">
        <v>95</v>
      </c>
      <c r="AD41" s="272" t="s">
        <v>0</v>
      </c>
      <c r="AE41" s="294"/>
    </row>
    <row r="42" spans="2:36" x14ac:dyDescent="0.15">
      <c r="B42" s="295"/>
      <c r="D42" s="290" t="s">
        <v>581</v>
      </c>
      <c r="Z42" s="292"/>
      <c r="AA42" s="291"/>
      <c r="AB42" s="272"/>
      <c r="AC42" s="272"/>
      <c r="AE42" s="294"/>
    </row>
    <row r="43" spans="2:36" x14ac:dyDescent="0.15">
      <c r="B43" s="295"/>
      <c r="Z43" s="88"/>
      <c r="AA43" s="291"/>
      <c r="AB43" s="272"/>
      <c r="AC43" s="272"/>
      <c r="AE43" s="294"/>
    </row>
    <row r="44" spans="2:36" x14ac:dyDescent="0.15">
      <c r="B44" s="295" t="s">
        <v>582</v>
      </c>
      <c r="Z44" s="292"/>
      <c r="AA44" s="291"/>
      <c r="AB44" s="272"/>
      <c r="AC44" s="272"/>
      <c r="AE44" s="294"/>
    </row>
    <row r="45" spans="2:36" ht="14.25" customHeight="1" x14ac:dyDescent="0.15">
      <c r="B45" s="295"/>
      <c r="C45" s="222" t="s">
        <v>556</v>
      </c>
      <c r="D45" s="290" t="s">
        <v>925</v>
      </c>
      <c r="Z45" s="184"/>
      <c r="AA45" s="338"/>
      <c r="AB45" s="272" t="s">
        <v>0</v>
      </c>
      <c r="AC45" s="272" t="s">
        <v>95</v>
      </c>
      <c r="AD45" s="272" t="s">
        <v>0</v>
      </c>
      <c r="AE45" s="294"/>
    </row>
    <row r="46" spans="2:36" x14ac:dyDescent="0.15">
      <c r="B46" s="295"/>
      <c r="D46" s="290" t="s">
        <v>926</v>
      </c>
      <c r="Z46" s="292"/>
      <c r="AA46" s="291"/>
      <c r="AB46" s="272"/>
      <c r="AC46" s="272"/>
      <c r="AE46" s="294"/>
    </row>
    <row r="47" spans="2:36" x14ac:dyDescent="0.15">
      <c r="B47" s="295"/>
      <c r="W47" s="274"/>
      <c r="Z47" s="294"/>
      <c r="AA47" s="291"/>
      <c r="AB47" s="272"/>
      <c r="AC47" s="272"/>
      <c r="AE47" s="294"/>
      <c r="AJ47" s="260"/>
    </row>
    <row r="48" spans="2:36" x14ac:dyDescent="0.15">
      <c r="B48" s="295"/>
      <c r="C48" s="222" t="s">
        <v>562</v>
      </c>
      <c r="D48" s="290" t="s">
        <v>583</v>
      </c>
      <c r="Z48" s="294"/>
      <c r="AA48" s="291"/>
      <c r="AB48" s="272"/>
      <c r="AC48" s="272"/>
      <c r="AE48" s="294"/>
      <c r="AJ48" s="260"/>
    </row>
    <row r="49" spans="2:36" ht="17.25" customHeight="1" x14ac:dyDescent="0.15">
      <c r="B49" s="295"/>
      <c r="D49" s="290" t="s">
        <v>927</v>
      </c>
      <c r="Z49" s="294"/>
      <c r="AA49" s="291"/>
      <c r="AB49" s="272"/>
      <c r="AC49" s="272"/>
      <c r="AE49" s="294"/>
      <c r="AJ49" s="260"/>
    </row>
    <row r="50" spans="2:36" ht="18.75" customHeight="1" x14ac:dyDescent="0.15">
      <c r="B50" s="295"/>
      <c r="Z50" s="294"/>
      <c r="AA50" s="291"/>
      <c r="AB50" s="272"/>
      <c r="AC50" s="272"/>
      <c r="AE50" s="294"/>
      <c r="AJ50" s="260"/>
    </row>
    <row r="51" spans="2:36" ht="13.5" customHeight="1" x14ac:dyDescent="0.15">
      <c r="B51" s="295"/>
      <c r="D51" s="314" t="s">
        <v>558</v>
      </c>
      <c r="E51" s="315"/>
      <c r="F51" s="315"/>
      <c r="G51" s="315"/>
      <c r="H51" s="315"/>
      <c r="I51" s="315"/>
      <c r="J51" s="315"/>
      <c r="K51" s="315"/>
      <c r="L51" s="315"/>
      <c r="M51" s="315"/>
      <c r="N51" s="315"/>
      <c r="O51" s="286"/>
      <c r="P51" s="286"/>
      <c r="Q51" s="286"/>
      <c r="R51" s="286"/>
      <c r="S51" s="315"/>
      <c r="T51" s="315"/>
      <c r="U51" s="398"/>
      <c r="V51" s="399"/>
      <c r="W51" s="399"/>
      <c r="X51" s="286" t="s">
        <v>559</v>
      </c>
      <c r="Y51" s="295"/>
      <c r="Z51" s="294"/>
      <c r="AA51" s="291"/>
      <c r="AB51" s="272"/>
      <c r="AC51" s="272"/>
      <c r="AE51" s="294"/>
      <c r="AJ51" s="260"/>
    </row>
    <row r="52" spans="2:36" x14ac:dyDescent="0.15">
      <c r="B52" s="295"/>
      <c r="D52" s="314" t="s">
        <v>584</v>
      </c>
      <c r="E52" s="315"/>
      <c r="F52" s="315"/>
      <c r="G52" s="315"/>
      <c r="H52" s="315"/>
      <c r="I52" s="315"/>
      <c r="J52" s="315"/>
      <c r="K52" s="315"/>
      <c r="L52" s="315"/>
      <c r="M52" s="315"/>
      <c r="N52" s="315"/>
      <c r="O52" s="286"/>
      <c r="P52" s="286"/>
      <c r="Q52" s="286"/>
      <c r="R52" s="286"/>
      <c r="S52" s="315"/>
      <c r="T52" s="315"/>
      <c r="U52" s="398"/>
      <c r="V52" s="399"/>
      <c r="W52" s="399"/>
      <c r="X52" s="286" t="s">
        <v>559</v>
      </c>
      <c r="Y52" s="295"/>
      <c r="Z52" s="294"/>
      <c r="AA52" s="291"/>
      <c r="AB52" s="272"/>
      <c r="AC52" s="272"/>
      <c r="AE52" s="294"/>
      <c r="AJ52" s="260"/>
    </row>
    <row r="53" spans="2:36" x14ac:dyDescent="0.15">
      <c r="B53" s="295"/>
      <c r="D53" s="314" t="s">
        <v>560</v>
      </c>
      <c r="E53" s="315"/>
      <c r="F53" s="315"/>
      <c r="G53" s="315"/>
      <c r="H53" s="315"/>
      <c r="I53" s="315"/>
      <c r="J53" s="315"/>
      <c r="K53" s="315"/>
      <c r="L53" s="315"/>
      <c r="M53" s="315"/>
      <c r="N53" s="315"/>
      <c r="O53" s="286"/>
      <c r="P53" s="286"/>
      <c r="Q53" s="286"/>
      <c r="R53" s="286"/>
      <c r="S53" s="315"/>
      <c r="T53" s="223" t="str">
        <f>(IFERROR(ROUNDDOWN(T52/T51*100,0),""))</f>
        <v/>
      </c>
      <c r="U53" s="434" t="str">
        <f>(IFERROR(ROUNDDOWN(U52/U51*100,0),""))</f>
        <v/>
      </c>
      <c r="V53" s="435"/>
      <c r="W53" s="435"/>
      <c r="X53" s="286" t="s">
        <v>60</v>
      </c>
      <c r="Y53" s="295"/>
      <c r="Z53" s="294"/>
      <c r="AA53" s="291"/>
      <c r="AB53" s="272"/>
      <c r="AC53" s="272"/>
      <c r="AE53" s="294"/>
      <c r="AJ53" s="260"/>
    </row>
    <row r="54" spans="2:36" x14ac:dyDescent="0.15">
      <c r="B54" s="295"/>
      <c r="D54" s="290" t="s">
        <v>561</v>
      </c>
      <c r="Z54" s="294"/>
      <c r="AA54" s="291"/>
      <c r="AB54" s="272"/>
      <c r="AC54" s="272"/>
      <c r="AE54" s="294"/>
      <c r="AJ54" s="260"/>
    </row>
    <row r="55" spans="2:36" x14ac:dyDescent="0.15">
      <c r="B55" s="295"/>
      <c r="W55" s="274"/>
      <c r="Z55" s="294"/>
      <c r="AA55" s="291"/>
      <c r="AB55" s="272"/>
      <c r="AC55" s="272"/>
      <c r="AE55" s="294"/>
      <c r="AJ55" s="260"/>
    </row>
    <row r="56" spans="2:36" x14ac:dyDescent="0.15">
      <c r="B56" s="295"/>
      <c r="C56" s="222" t="s">
        <v>579</v>
      </c>
      <c r="D56" s="290" t="s">
        <v>585</v>
      </c>
      <c r="Z56" s="184"/>
      <c r="AA56" s="338"/>
      <c r="AB56" s="272" t="s">
        <v>0</v>
      </c>
      <c r="AC56" s="272" t="s">
        <v>95</v>
      </c>
      <c r="AD56" s="272" t="s">
        <v>0</v>
      </c>
      <c r="AE56" s="294"/>
    </row>
    <row r="57" spans="2:36" x14ac:dyDescent="0.15">
      <c r="B57" s="295"/>
      <c r="D57" s="290" t="s">
        <v>586</v>
      </c>
      <c r="E57" s="2"/>
      <c r="F57" s="2"/>
      <c r="G57" s="2"/>
      <c r="H57" s="2"/>
      <c r="I57" s="2"/>
      <c r="J57" s="2"/>
      <c r="K57" s="2"/>
      <c r="L57" s="2"/>
      <c r="M57" s="2"/>
      <c r="N57" s="2"/>
      <c r="O57" s="260"/>
      <c r="P57" s="260"/>
      <c r="Q57" s="260"/>
      <c r="Z57" s="292"/>
      <c r="AA57" s="291"/>
      <c r="AB57" s="272"/>
      <c r="AC57" s="272"/>
      <c r="AE57" s="294"/>
    </row>
    <row r="58" spans="2:36" x14ac:dyDescent="0.15">
      <c r="B58" s="295"/>
      <c r="D58" s="272"/>
      <c r="E58" s="438"/>
      <c r="F58" s="438"/>
      <c r="G58" s="438"/>
      <c r="H58" s="438"/>
      <c r="I58" s="438"/>
      <c r="J58" s="438"/>
      <c r="K58" s="438"/>
      <c r="L58" s="438"/>
      <c r="M58" s="438"/>
      <c r="N58" s="438"/>
      <c r="Q58" s="272"/>
      <c r="S58" s="274"/>
      <c r="T58" s="274"/>
      <c r="U58" s="274"/>
      <c r="V58" s="274"/>
      <c r="Z58" s="88"/>
      <c r="AA58" s="291"/>
      <c r="AB58" s="272"/>
      <c r="AC58" s="272"/>
      <c r="AE58" s="294"/>
    </row>
    <row r="59" spans="2:36" x14ac:dyDescent="0.15">
      <c r="B59" s="295"/>
      <c r="C59" s="222" t="s">
        <v>587</v>
      </c>
      <c r="D59" s="290" t="s">
        <v>588</v>
      </c>
      <c r="Z59" s="184"/>
      <c r="AA59" s="338"/>
      <c r="AB59" s="272" t="s">
        <v>0</v>
      </c>
      <c r="AC59" s="272" t="s">
        <v>95</v>
      </c>
      <c r="AD59" s="272" t="s">
        <v>0</v>
      </c>
      <c r="AE59" s="294"/>
    </row>
    <row r="60" spans="2:36" x14ac:dyDescent="0.15">
      <c r="B60" s="299"/>
      <c r="C60" s="224"/>
      <c r="D60" s="259" t="s">
        <v>589</v>
      </c>
      <c r="E60" s="259"/>
      <c r="F60" s="259"/>
      <c r="G60" s="259"/>
      <c r="H60" s="259"/>
      <c r="I60" s="259"/>
      <c r="J60" s="259"/>
      <c r="K60" s="259"/>
      <c r="L60" s="259"/>
      <c r="M60" s="259"/>
      <c r="N60" s="259"/>
      <c r="O60" s="259"/>
      <c r="P60" s="259"/>
      <c r="Q60" s="259"/>
      <c r="R60" s="259"/>
      <c r="S60" s="259"/>
      <c r="T60" s="259"/>
      <c r="U60" s="259"/>
      <c r="V60" s="259"/>
      <c r="W60" s="259"/>
      <c r="X60" s="259"/>
      <c r="Y60" s="259"/>
      <c r="Z60" s="300"/>
      <c r="AA60" s="255"/>
      <c r="AB60" s="256"/>
      <c r="AC60" s="256"/>
      <c r="AD60" s="259"/>
      <c r="AE60" s="300"/>
    </row>
    <row r="61" spans="2:36" x14ac:dyDescent="0.15">
      <c r="B61" s="290" t="s">
        <v>590</v>
      </c>
    </row>
    <row r="62" spans="2:36" x14ac:dyDescent="0.15">
      <c r="C62" s="290" t="s">
        <v>591</v>
      </c>
    </row>
    <row r="63" spans="2:36" x14ac:dyDescent="0.15">
      <c r="B63" s="290" t="s">
        <v>592</v>
      </c>
    </row>
    <row r="64" spans="2:36" x14ac:dyDescent="0.15">
      <c r="C64" s="290" t="s">
        <v>593</v>
      </c>
    </row>
    <row r="65" spans="2:11" x14ac:dyDescent="0.15">
      <c r="C65" s="290" t="s">
        <v>594</v>
      </c>
    </row>
    <row r="66" spans="2:11" x14ac:dyDescent="0.15">
      <c r="C66" s="290" t="s">
        <v>595</v>
      </c>
      <c r="K66" s="290" t="s">
        <v>596</v>
      </c>
    </row>
    <row r="67" spans="2:11" x14ac:dyDescent="0.15">
      <c r="K67" s="290" t="s">
        <v>597</v>
      </c>
    </row>
    <row r="68" spans="2:11" x14ac:dyDescent="0.15">
      <c r="K68" s="290" t="s">
        <v>598</v>
      </c>
    </row>
    <row r="69" spans="2:11" x14ac:dyDescent="0.15">
      <c r="K69" s="290" t="s">
        <v>599</v>
      </c>
    </row>
    <row r="70" spans="2:11" x14ac:dyDescent="0.15">
      <c r="K70" s="290" t="s">
        <v>600</v>
      </c>
    </row>
    <row r="71" spans="2:11" x14ac:dyDescent="0.15">
      <c r="B71" s="290" t="s">
        <v>601</v>
      </c>
    </row>
    <row r="72" spans="2:11" x14ac:dyDescent="0.15">
      <c r="C72" s="290" t="s">
        <v>602</v>
      </c>
    </row>
    <row r="73" spans="2:11" x14ac:dyDescent="0.15">
      <c r="C73" s="290" t="s">
        <v>603</v>
      </c>
    </row>
    <row r="74" spans="2:11" x14ac:dyDescent="0.15">
      <c r="C74" s="290" t="s">
        <v>604</v>
      </c>
    </row>
    <row r="122" spans="1:7" x14ac:dyDescent="0.15">
      <c r="A122" s="259"/>
      <c r="C122" s="259"/>
      <c r="D122" s="259"/>
      <c r="E122" s="259"/>
      <c r="F122" s="259"/>
      <c r="G122" s="259"/>
    </row>
    <row r="123" spans="1:7" x14ac:dyDescent="0.15">
      <c r="C123" s="297"/>
    </row>
    <row r="151" spans="1:1" x14ac:dyDescent="0.15">
      <c r="A151" s="259"/>
    </row>
    <row r="187" spans="1:1" x14ac:dyDescent="0.15">
      <c r="A187" s="299"/>
    </row>
    <row r="238" spans="1:1" x14ac:dyDescent="0.15">
      <c r="A238" s="299"/>
    </row>
    <row r="287" spans="1:1" x14ac:dyDescent="0.15">
      <c r="A287" s="299"/>
    </row>
    <row r="314" spans="1:1" x14ac:dyDescent="0.15">
      <c r="A314" s="259"/>
    </row>
    <row r="364" spans="1:1" x14ac:dyDescent="0.15">
      <c r="A364" s="299"/>
    </row>
    <row r="388" spans="1:1" x14ac:dyDescent="0.15">
      <c r="A388" s="259"/>
    </row>
    <row r="416" spans="1:1" x14ac:dyDescent="0.15">
      <c r="A416" s="259"/>
    </row>
    <row r="444" spans="1:1" x14ac:dyDescent="0.15">
      <c r="A444" s="259"/>
    </row>
    <row r="468" spans="1:1" x14ac:dyDescent="0.15">
      <c r="A468" s="259"/>
    </row>
    <row r="497" spans="1:1" x14ac:dyDescent="0.15">
      <c r="A497" s="259"/>
    </row>
    <row r="526" spans="1:1" x14ac:dyDescent="0.15">
      <c r="A526" s="259"/>
    </row>
    <row r="575" spans="1:1" x14ac:dyDescent="0.15">
      <c r="A575" s="299"/>
    </row>
    <row r="606" spans="1:1" x14ac:dyDescent="0.15">
      <c r="A606" s="299"/>
    </row>
    <row r="650" spans="1:1" x14ac:dyDescent="0.15">
      <c r="A650" s="299"/>
    </row>
    <row r="686" spans="1:1" x14ac:dyDescent="0.15">
      <c r="A686" s="259"/>
    </row>
    <row r="725" spans="1:1" x14ac:dyDescent="0.15">
      <c r="A725" s="299"/>
    </row>
    <row r="754" spans="1:1" x14ac:dyDescent="0.15">
      <c r="A754" s="299"/>
    </row>
    <row r="793" spans="1:1" x14ac:dyDescent="0.15">
      <c r="A793" s="299"/>
    </row>
    <row r="832" spans="1:1" x14ac:dyDescent="0.15">
      <c r="A832" s="299"/>
    </row>
    <row r="860" spans="1:1" x14ac:dyDescent="0.15">
      <c r="A860" s="299"/>
    </row>
    <row r="900" spans="1:1" x14ac:dyDescent="0.15">
      <c r="A900" s="299"/>
    </row>
    <row r="940" spans="1:1" x14ac:dyDescent="0.15">
      <c r="A940" s="299"/>
    </row>
    <row r="969" spans="1:1" x14ac:dyDescent="0.15">
      <c r="A969" s="299"/>
    </row>
  </sheetData>
  <mergeCells count="31">
    <mergeCell ref="T40:V40"/>
    <mergeCell ref="U51:W51"/>
    <mergeCell ref="U52:W52"/>
    <mergeCell ref="U53:W53"/>
    <mergeCell ref="E58:N58"/>
    <mergeCell ref="J40:S40"/>
    <mergeCell ref="O37:S37"/>
    <mergeCell ref="O38:S38"/>
    <mergeCell ref="O39:S39"/>
    <mergeCell ref="D37:N37"/>
    <mergeCell ref="D38:N38"/>
    <mergeCell ref="D39:N39"/>
    <mergeCell ref="O34:S34"/>
    <mergeCell ref="O35:S35"/>
    <mergeCell ref="O36:S36"/>
    <mergeCell ref="D34:N34"/>
    <mergeCell ref="D35:N35"/>
    <mergeCell ref="D36:N36"/>
    <mergeCell ref="O33:S33"/>
    <mergeCell ref="Y3:Z3"/>
    <mergeCell ref="B5:AE5"/>
    <mergeCell ref="B6:AD6"/>
    <mergeCell ref="F8:AE8"/>
    <mergeCell ref="B10:E11"/>
    <mergeCell ref="U19:W19"/>
    <mergeCell ref="U20:W20"/>
    <mergeCell ref="U21:W21"/>
    <mergeCell ref="U29:W29"/>
    <mergeCell ref="O32:S32"/>
    <mergeCell ref="D32:N32"/>
    <mergeCell ref="D33:N33"/>
  </mergeCells>
  <phoneticPr fontId="1"/>
  <dataValidations count="1">
    <dataValidation type="list" allowBlank="1" showInputMessage="1" showErrorMessage="1" sqref="K9 Q9 AB16 AD16 AB25:AB26 AD25:AD26 AB41 AD41 AB45 AD45 AB56 AD56 AB59 AD59 R10:R12 F9:F12">
      <formula1>"□,■"</formula1>
    </dataValidation>
  </dataValidations>
  <pageMargins left="0.70866141732283472" right="0.70866141732283472" top="0.74803149606299213" bottom="0.74803149606299213" header="0.31496062992125984" footer="0.31496062992125984"/>
  <pageSetup paperSize="9" scale="70" orientation="portrait" r:id="rId1"/>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B123"/>
  <sheetViews>
    <sheetView zoomScaleNormal="100" workbookViewId="0">
      <selection activeCell="E13" sqref="E13"/>
    </sheetView>
  </sheetViews>
  <sheetFormatPr defaultColWidth="4" defaultRowHeight="13.5" x14ac:dyDescent="0.15"/>
  <cols>
    <col min="1" max="1" width="1.5" style="290" customWidth="1"/>
    <col min="2" max="2" width="2.375" style="290" customWidth="1"/>
    <col min="3" max="3" width="1.125" style="290" customWidth="1"/>
    <col min="4" max="17" width="4" style="290"/>
    <col min="18" max="18" width="5.125" style="290" customWidth="1"/>
    <col min="19" max="19" width="8.125" style="290" customWidth="1"/>
    <col min="20" max="20" width="4" style="290"/>
    <col min="21" max="21" width="2.375" style="290" customWidth="1"/>
    <col min="22" max="22" width="4" style="290"/>
    <col min="23" max="23" width="2.25" style="290" customWidth="1"/>
    <col min="24" max="24" width="4" style="290"/>
    <col min="25" max="25" width="2.375" style="290" customWidth="1"/>
    <col min="26" max="26" width="1.5" style="290" customWidth="1"/>
    <col min="27" max="16384" width="4" style="290"/>
  </cols>
  <sheetData>
    <row r="2" spans="2:28" x14ac:dyDescent="0.15">
      <c r="B2" s="290" t="s">
        <v>753</v>
      </c>
      <c r="C2"/>
      <c r="D2"/>
      <c r="E2"/>
      <c r="F2"/>
      <c r="G2"/>
      <c r="H2"/>
      <c r="I2"/>
      <c r="J2"/>
      <c r="K2"/>
      <c r="L2"/>
      <c r="M2"/>
      <c r="N2"/>
      <c r="O2"/>
      <c r="P2"/>
      <c r="Q2"/>
      <c r="R2"/>
      <c r="S2"/>
      <c r="T2"/>
      <c r="U2"/>
      <c r="V2"/>
      <c r="W2"/>
      <c r="X2"/>
      <c r="Y2"/>
    </row>
    <row r="4" spans="2:28" x14ac:dyDescent="0.15">
      <c r="B4" s="392" t="s">
        <v>754</v>
      </c>
      <c r="C4" s="392"/>
      <c r="D4" s="392"/>
      <c r="E4" s="392"/>
      <c r="F4" s="392"/>
      <c r="G4" s="392"/>
      <c r="H4" s="392"/>
      <c r="I4" s="392"/>
      <c r="J4" s="392"/>
      <c r="K4" s="392"/>
      <c r="L4" s="392"/>
      <c r="M4" s="392"/>
      <c r="N4" s="392"/>
      <c r="O4" s="392"/>
      <c r="P4" s="392"/>
      <c r="Q4" s="392"/>
      <c r="R4" s="392"/>
      <c r="S4" s="392"/>
      <c r="T4" s="392"/>
      <c r="U4" s="392"/>
      <c r="V4" s="392"/>
      <c r="W4" s="392"/>
      <c r="X4" s="392"/>
      <c r="Y4" s="392"/>
    </row>
    <row r="6" spans="2:28" ht="23.25" customHeight="1" x14ac:dyDescent="0.15">
      <c r="B6" s="393" t="s">
        <v>115</v>
      </c>
      <c r="C6" s="393"/>
      <c r="D6" s="393"/>
      <c r="E6" s="393"/>
      <c r="F6" s="393"/>
      <c r="G6" s="394"/>
      <c r="H6" s="395"/>
      <c r="I6" s="395"/>
      <c r="J6" s="395"/>
      <c r="K6" s="395"/>
      <c r="L6" s="395"/>
      <c r="M6" s="395"/>
      <c r="N6" s="395"/>
      <c r="O6" s="395"/>
      <c r="P6" s="395"/>
      <c r="Q6" s="395"/>
      <c r="R6" s="395"/>
      <c r="S6" s="395"/>
      <c r="T6" s="395"/>
      <c r="U6" s="395"/>
      <c r="V6" s="395"/>
      <c r="W6" s="395"/>
      <c r="X6" s="395"/>
      <c r="Y6" s="396"/>
    </row>
    <row r="7" spans="2:28" ht="23.25" customHeight="1" x14ac:dyDescent="0.15">
      <c r="B7" s="393" t="s">
        <v>116</v>
      </c>
      <c r="C7" s="393"/>
      <c r="D7" s="393"/>
      <c r="E7" s="393"/>
      <c r="F7" s="393"/>
      <c r="G7" s="250" t="s">
        <v>0</v>
      </c>
      <c r="H7" s="315" t="s">
        <v>87</v>
      </c>
      <c r="I7" s="315"/>
      <c r="J7" s="315"/>
      <c r="K7" s="315"/>
      <c r="L7" s="250" t="s">
        <v>0</v>
      </c>
      <c r="M7" s="315" t="s">
        <v>88</v>
      </c>
      <c r="N7" s="315"/>
      <c r="O7" s="315"/>
      <c r="P7" s="315"/>
      <c r="Q7" s="250" t="s">
        <v>0</v>
      </c>
      <c r="R7" s="315" t="s">
        <v>89</v>
      </c>
      <c r="S7" s="315"/>
      <c r="T7" s="315"/>
      <c r="U7" s="315"/>
      <c r="V7" s="315"/>
      <c r="W7" s="286"/>
      <c r="X7" s="286"/>
      <c r="Y7" s="287"/>
    </row>
    <row r="8" spans="2:28" ht="9.75" customHeight="1" x14ac:dyDescent="0.15">
      <c r="B8" s="272"/>
      <c r="C8" s="272"/>
      <c r="D8" s="272"/>
      <c r="E8" s="272"/>
      <c r="F8" s="272"/>
      <c r="G8" s="2"/>
      <c r="I8" s="274"/>
      <c r="J8" s="274"/>
      <c r="K8" s="274"/>
      <c r="L8" s="274"/>
      <c r="M8" s="274"/>
      <c r="N8" s="274"/>
      <c r="O8" s="274"/>
      <c r="P8" s="274"/>
      <c r="Q8" s="274"/>
      <c r="R8" s="274"/>
      <c r="S8" s="274"/>
      <c r="T8" s="274"/>
      <c r="U8" s="274"/>
      <c r="V8" s="274"/>
      <c r="W8" s="274"/>
      <c r="X8" s="274"/>
      <c r="Y8" s="274"/>
    </row>
    <row r="9" spans="2:28" ht="16.5" customHeight="1" x14ac:dyDescent="0.15">
      <c r="B9" s="296"/>
      <c r="C9" s="297"/>
      <c r="D9" s="253"/>
      <c r="E9" s="297"/>
      <c r="F9" s="297"/>
      <c r="G9" s="297"/>
      <c r="H9" s="297"/>
      <c r="I9" s="297"/>
      <c r="J9" s="297"/>
      <c r="K9" s="297"/>
      <c r="L9" s="297"/>
      <c r="M9" s="297"/>
      <c r="N9" s="297"/>
      <c r="O9" s="297"/>
      <c r="P9" s="297"/>
      <c r="Q9" s="297"/>
      <c r="R9" s="297"/>
      <c r="S9" s="297"/>
      <c r="T9" s="298"/>
      <c r="U9" s="297"/>
      <c r="V9" s="297"/>
      <c r="W9" s="297"/>
      <c r="X9" s="297"/>
      <c r="Y9" s="298"/>
      <c r="Z9"/>
      <c r="AA9"/>
      <c r="AB9"/>
    </row>
    <row r="10" spans="2:28" ht="20.100000000000001" customHeight="1" x14ac:dyDescent="0.15">
      <c r="B10" s="295" t="s">
        <v>755</v>
      </c>
      <c r="D10" s="272"/>
      <c r="T10" s="294"/>
      <c r="V10" s="94" t="s">
        <v>94</v>
      </c>
      <c r="W10" s="94" t="s">
        <v>95</v>
      </c>
      <c r="X10" s="94" t="s">
        <v>96</v>
      </c>
      <c r="Y10" s="294"/>
      <c r="Z10"/>
      <c r="AA10"/>
      <c r="AB10"/>
    </row>
    <row r="11" spans="2:28" ht="10.5" customHeight="1" x14ac:dyDescent="0.15">
      <c r="B11" s="295"/>
      <c r="D11" s="272"/>
      <c r="T11" s="294"/>
      <c r="Y11" s="294"/>
      <c r="Z11"/>
      <c r="AA11"/>
      <c r="AB11"/>
    </row>
    <row r="12" spans="2:28" ht="21" customHeight="1" x14ac:dyDescent="0.15">
      <c r="B12" s="295"/>
      <c r="D12" s="272" t="s">
        <v>180</v>
      </c>
      <c r="E12" s="493" t="s">
        <v>1070</v>
      </c>
      <c r="F12" s="493"/>
      <c r="G12" s="493"/>
      <c r="H12" s="493"/>
      <c r="I12" s="493"/>
      <c r="J12" s="493"/>
      <c r="K12" s="493"/>
      <c r="L12" s="493"/>
      <c r="M12" s="493"/>
      <c r="N12" s="493"/>
      <c r="O12" s="493"/>
      <c r="P12" s="493"/>
      <c r="Q12" s="493"/>
      <c r="R12" s="493"/>
      <c r="S12" s="493"/>
      <c r="T12" s="494"/>
      <c r="V12" s="272" t="s">
        <v>0</v>
      </c>
      <c r="W12" s="272" t="s">
        <v>95</v>
      </c>
      <c r="X12" s="272" t="s">
        <v>0</v>
      </c>
      <c r="Y12" s="88"/>
    </row>
    <row r="13" spans="2:28" ht="15.75" customHeight="1" x14ac:dyDescent="0.15">
      <c r="B13" s="295"/>
      <c r="D13" s="272"/>
      <c r="T13" s="294"/>
      <c r="V13" s="272"/>
      <c r="W13" s="272"/>
      <c r="X13" s="272"/>
      <c r="Y13" s="292"/>
    </row>
    <row r="14" spans="2:28" ht="27.75" customHeight="1" x14ac:dyDescent="0.15">
      <c r="B14" s="295"/>
      <c r="D14" s="272" t="s">
        <v>182</v>
      </c>
      <c r="E14" s="407" t="s">
        <v>756</v>
      </c>
      <c r="F14" s="407"/>
      <c r="G14" s="407"/>
      <c r="H14" s="407"/>
      <c r="I14" s="407"/>
      <c r="J14" s="407"/>
      <c r="K14" s="407"/>
      <c r="L14" s="407"/>
      <c r="M14" s="407"/>
      <c r="N14" s="407"/>
      <c r="O14" s="407"/>
      <c r="P14" s="407"/>
      <c r="Q14" s="407"/>
      <c r="R14" s="407"/>
      <c r="S14" s="407"/>
      <c r="T14" s="458"/>
      <c r="V14" s="272" t="s">
        <v>0</v>
      </c>
      <c r="W14" s="272" t="s">
        <v>95</v>
      </c>
      <c r="X14" s="272" t="s">
        <v>0</v>
      </c>
      <c r="Y14" s="88"/>
    </row>
    <row r="15" spans="2:28" ht="20.25" customHeight="1" x14ac:dyDescent="0.15">
      <c r="B15" s="91"/>
      <c r="D15" s="272"/>
      <c r="E15" s="247" t="s">
        <v>757</v>
      </c>
      <c r="F15" s="274"/>
      <c r="H15" s="247"/>
      <c r="I15" s="247"/>
      <c r="J15" s="247"/>
      <c r="K15" s="247"/>
      <c r="L15" s="247"/>
      <c r="M15" s="247"/>
      <c r="N15" s="247"/>
      <c r="O15" s="247"/>
      <c r="P15" s="247"/>
      <c r="Q15" s="247"/>
      <c r="R15" s="247"/>
      <c r="S15" s="247"/>
      <c r="U15" s="295"/>
      <c r="Y15" s="294"/>
    </row>
    <row r="16" spans="2:28" ht="18" customHeight="1" x14ac:dyDescent="0.15">
      <c r="B16" s="91"/>
      <c r="D16" s="272"/>
      <c r="E16" s="247" t="s">
        <v>758</v>
      </c>
      <c r="F16" s="274"/>
      <c r="H16" s="247"/>
      <c r="I16" s="247"/>
      <c r="J16" s="247"/>
      <c r="K16" s="247"/>
      <c r="L16" s="247"/>
      <c r="M16" s="247"/>
      <c r="N16" s="247"/>
      <c r="O16" s="247"/>
      <c r="P16" s="247"/>
      <c r="Q16" s="247"/>
      <c r="R16" s="247"/>
      <c r="S16" s="247"/>
      <c r="U16" s="295"/>
      <c r="Y16" s="294"/>
    </row>
    <row r="17" spans="2:28" ht="20.25" customHeight="1" x14ac:dyDescent="0.15">
      <c r="B17" s="91"/>
      <c r="D17" s="272"/>
      <c r="E17" s="247" t="s">
        <v>759</v>
      </c>
      <c r="F17" s="274"/>
      <c r="H17" s="247"/>
      <c r="I17" s="247"/>
      <c r="J17" s="247"/>
      <c r="K17" s="247"/>
      <c r="L17" s="247"/>
      <c r="M17" s="247"/>
      <c r="N17" s="247"/>
      <c r="O17" s="247"/>
      <c r="P17" s="247"/>
      <c r="Q17" s="247"/>
      <c r="R17" s="247"/>
      <c r="S17" s="247"/>
      <c r="U17" s="295"/>
      <c r="Y17" s="294"/>
    </row>
    <row r="18" spans="2:28" ht="18.75" customHeight="1" x14ac:dyDescent="0.15">
      <c r="B18" s="91"/>
      <c r="D18" s="272"/>
      <c r="E18" s="247" t="s">
        <v>760</v>
      </c>
      <c r="F18" s="274"/>
      <c r="H18" s="247"/>
      <c r="I18" s="247"/>
      <c r="J18" s="247"/>
      <c r="K18" s="247"/>
      <c r="L18" s="247"/>
      <c r="M18" s="247"/>
      <c r="N18" s="247"/>
      <c r="O18" s="247"/>
      <c r="P18" s="247"/>
      <c r="Q18" s="247"/>
      <c r="R18" s="247"/>
      <c r="S18" s="247"/>
      <c r="U18" s="295"/>
      <c r="Y18" s="294"/>
    </row>
    <row r="19" spans="2:28" ht="18.75" customHeight="1" x14ac:dyDescent="0.15">
      <c r="B19" s="91"/>
      <c r="D19" s="272"/>
      <c r="E19" s="247" t="s">
        <v>761</v>
      </c>
      <c r="F19" s="274"/>
      <c r="H19" s="247"/>
      <c r="I19" s="247"/>
      <c r="J19" s="247"/>
      <c r="K19" s="247"/>
      <c r="L19" s="247"/>
      <c r="M19" s="247"/>
      <c r="N19" s="247"/>
      <c r="O19" s="247"/>
      <c r="P19" s="247"/>
      <c r="Q19" s="247"/>
      <c r="R19" s="247"/>
      <c r="S19" s="247"/>
      <c r="U19" s="295"/>
      <c r="Y19" s="294"/>
    </row>
    <row r="20" spans="2:28" ht="18.75" customHeight="1" x14ac:dyDescent="0.15">
      <c r="B20" s="91"/>
      <c r="D20" s="272"/>
      <c r="E20" s="247" t="s">
        <v>762</v>
      </c>
      <c r="F20" s="274"/>
      <c r="H20" s="247"/>
      <c r="I20" s="247"/>
      <c r="J20" s="247"/>
      <c r="K20" s="247"/>
      <c r="L20" s="247"/>
      <c r="M20" s="247"/>
      <c r="N20" s="247"/>
      <c r="O20" s="247"/>
      <c r="P20" s="247"/>
      <c r="Q20" s="247"/>
      <c r="R20" s="247"/>
      <c r="S20" s="247"/>
      <c r="U20" s="295"/>
      <c r="Y20" s="294"/>
    </row>
    <row r="21" spans="2:28" ht="19.5" customHeight="1" x14ac:dyDescent="0.15">
      <c r="B21" s="91"/>
      <c r="D21" s="272"/>
      <c r="E21" s="247" t="s">
        <v>763</v>
      </c>
      <c r="F21" s="274"/>
      <c r="H21" s="247"/>
      <c r="I21" s="247"/>
      <c r="J21" s="247"/>
      <c r="K21" s="247"/>
      <c r="L21" s="247"/>
      <c r="M21" s="247"/>
      <c r="N21" s="247"/>
      <c r="O21" s="247"/>
      <c r="P21" s="247"/>
      <c r="Q21" s="247"/>
      <c r="R21" s="247"/>
      <c r="S21" s="247"/>
      <c r="U21" s="295"/>
      <c r="Y21" s="294"/>
    </row>
    <row r="22" spans="2:28" ht="17.25" customHeight="1" x14ac:dyDescent="0.15">
      <c r="B22" s="91"/>
      <c r="D22" s="272"/>
      <c r="E22" s="247" t="s">
        <v>764</v>
      </c>
      <c r="F22" s="274"/>
      <c r="H22" s="247"/>
      <c r="I22" s="247"/>
      <c r="J22" s="247"/>
      <c r="K22" s="247"/>
      <c r="L22" s="247"/>
      <c r="M22" s="247"/>
      <c r="N22" s="247"/>
      <c r="O22" s="247"/>
      <c r="P22" s="247"/>
      <c r="Q22" s="247"/>
      <c r="R22" s="247"/>
      <c r="S22" s="247"/>
      <c r="U22" s="295"/>
      <c r="Y22" s="294"/>
    </row>
    <row r="23" spans="2:28" ht="20.25" customHeight="1" x14ac:dyDescent="0.15">
      <c r="B23" s="91"/>
      <c r="D23" s="272"/>
      <c r="E23" s="247" t="s">
        <v>765</v>
      </c>
      <c r="F23" s="274"/>
      <c r="H23" s="247"/>
      <c r="I23" s="247"/>
      <c r="J23" s="247"/>
      <c r="K23" s="247"/>
      <c r="L23" s="247"/>
      <c r="M23" s="247"/>
      <c r="N23" s="247"/>
      <c r="O23" s="247"/>
      <c r="P23" s="247"/>
      <c r="Q23" s="247"/>
      <c r="R23" s="247"/>
      <c r="S23" s="247"/>
      <c r="U23" s="295"/>
      <c r="Y23" s="294"/>
    </row>
    <row r="24" spans="2:28" ht="18" customHeight="1" x14ac:dyDescent="0.15">
      <c r="B24" s="91"/>
      <c r="D24" s="272"/>
      <c r="E24" s="247" t="s">
        <v>766</v>
      </c>
      <c r="F24" s="274"/>
      <c r="H24" s="247"/>
      <c r="I24" s="247"/>
      <c r="J24" s="247"/>
      <c r="K24" s="247"/>
      <c r="L24" s="247"/>
      <c r="M24" s="247"/>
      <c r="N24" s="247"/>
      <c r="O24" s="247"/>
      <c r="P24" s="247"/>
      <c r="Q24" s="247"/>
      <c r="R24" s="247"/>
      <c r="S24" s="247"/>
      <c r="U24" s="295"/>
      <c r="Y24" s="294"/>
    </row>
    <row r="25" spans="2:28" ht="18.75" customHeight="1" x14ac:dyDescent="0.15">
      <c r="B25" s="91"/>
      <c r="D25" s="272"/>
      <c r="E25" s="247" t="s">
        <v>767</v>
      </c>
      <c r="F25" s="274"/>
      <c r="H25" s="247"/>
      <c r="I25" s="247"/>
      <c r="J25" s="247"/>
      <c r="K25" s="247"/>
      <c r="L25" s="247"/>
      <c r="M25" s="247"/>
      <c r="N25" s="247"/>
      <c r="O25" s="247"/>
      <c r="P25" s="247"/>
      <c r="Q25" s="247"/>
      <c r="R25" s="247"/>
      <c r="S25" s="247"/>
      <c r="U25" s="295"/>
      <c r="Y25" s="294"/>
    </row>
    <row r="26" spans="2:28" ht="6.75" customHeight="1" x14ac:dyDescent="0.15">
      <c r="B26" s="299"/>
      <c r="C26" s="259"/>
      <c r="D26" s="256"/>
      <c r="E26" s="259"/>
      <c r="F26" s="259"/>
      <c r="G26" s="259"/>
      <c r="H26" s="259"/>
      <c r="I26" s="259"/>
      <c r="J26" s="259"/>
      <c r="K26" s="259"/>
      <c r="L26" s="259"/>
      <c r="M26" s="259"/>
      <c r="N26" s="259"/>
      <c r="O26" s="259"/>
      <c r="P26" s="259"/>
      <c r="Q26" s="259"/>
      <c r="R26" s="259"/>
      <c r="S26" s="259"/>
      <c r="T26" s="300"/>
      <c r="U26" s="259"/>
      <c r="V26" s="259"/>
      <c r="W26" s="259"/>
      <c r="X26" s="259"/>
      <c r="Y26" s="300"/>
    </row>
    <row r="27" spans="2:28" ht="5.25" customHeight="1" x14ac:dyDescent="0.15">
      <c r="D27" s="272"/>
    </row>
    <row r="28" spans="2:28" ht="18.75" customHeight="1" x14ac:dyDescent="0.15">
      <c r="B28" s="290" t="s">
        <v>280</v>
      </c>
    </row>
    <row r="29" spans="2:28" ht="18.75" customHeight="1" x14ac:dyDescent="0.15">
      <c r="B29" s="290" t="s">
        <v>281</v>
      </c>
      <c r="K29"/>
      <c r="L29"/>
      <c r="M29"/>
      <c r="N29"/>
      <c r="O29"/>
      <c r="P29"/>
      <c r="Q29"/>
      <c r="R29"/>
      <c r="S29"/>
      <c r="T29"/>
      <c r="U29"/>
      <c r="V29"/>
      <c r="W29"/>
      <c r="X29"/>
      <c r="Y29"/>
      <c r="Z29"/>
      <c r="AA29"/>
      <c r="AB29"/>
    </row>
    <row r="30" spans="2:28" ht="6.75" customHeight="1" x14ac:dyDescent="0.15"/>
    <row r="122" spans="3:7" x14ac:dyDescent="0.15">
      <c r="C122" s="259"/>
      <c r="D122" s="259"/>
      <c r="E122" s="259"/>
      <c r="F122" s="259"/>
      <c r="G122" s="259"/>
    </row>
    <row r="123" spans="3:7" x14ac:dyDescent="0.15">
      <c r="C123" s="297"/>
    </row>
  </sheetData>
  <mergeCells count="6">
    <mergeCell ref="E14:T14"/>
    <mergeCell ref="B4:Y4"/>
    <mergeCell ref="B6:F6"/>
    <mergeCell ref="G6:Y6"/>
    <mergeCell ref="B7:F7"/>
    <mergeCell ref="E12:T12"/>
  </mergeCells>
  <phoneticPr fontId="1"/>
  <dataValidations count="1">
    <dataValidation type="list" allowBlank="1" showInputMessage="1" showErrorMessage="1" sqref="Q7 G7 L7 V12 X12 X14 V14">
      <formula1>"□,■"</formula1>
    </dataValidation>
  </dataValidations>
  <pageMargins left="0.7" right="0.7" top="0.75" bottom="0.75" header="0.3" footer="0.3"/>
  <pageSetup paperSize="9" scale="96" orientation="portrait" r:id="rId1"/>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K123"/>
  <sheetViews>
    <sheetView view="pageBreakPreview" zoomScaleNormal="100" zoomScaleSheetLayoutView="100" workbookViewId="0">
      <selection activeCell="B3" sqref="B3:AC3"/>
    </sheetView>
  </sheetViews>
  <sheetFormatPr defaultColWidth="3.5" defaultRowHeight="13.5" x14ac:dyDescent="0.15"/>
  <cols>
    <col min="1" max="1" width="1.25" style="3" customWidth="1"/>
    <col min="2" max="2" width="4.125" style="302" customWidth="1"/>
    <col min="3" max="6" width="4.125" style="3" customWidth="1"/>
    <col min="7" max="7" width="1.5" style="3" customWidth="1"/>
    <col min="8" max="25" width="3.5" style="3"/>
    <col min="26" max="26" width="1" style="3" customWidth="1"/>
    <col min="27" max="27" width="4" style="3" customWidth="1"/>
    <col min="28" max="28" width="2.375" style="3" customWidth="1"/>
    <col min="29" max="29" width="4" style="3" customWidth="1"/>
    <col min="30" max="30" width="1.25" style="3" customWidth="1"/>
    <col min="31" max="16384" width="3.5" style="3"/>
  </cols>
  <sheetData>
    <row r="1" spans="2:37" s="290" customFormat="1" x14ac:dyDescent="0.15"/>
    <row r="2" spans="2:37" s="290" customFormat="1" x14ac:dyDescent="0.15">
      <c r="B2" s="290" t="s">
        <v>189</v>
      </c>
    </row>
    <row r="3" spans="2:37" s="290" customFormat="1" ht="47.25" customHeight="1" x14ac:dyDescent="0.15">
      <c r="B3" s="439" t="s">
        <v>190</v>
      </c>
      <c r="C3" s="392"/>
      <c r="D3" s="392"/>
      <c r="E3" s="392"/>
      <c r="F3" s="392"/>
      <c r="G3" s="392"/>
      <c r="H3" s="392"/>
      <c r="I3" s="392"/>
      <c r="J3" s="392"/>
      <c r="K3" s="392"/>
      <c r="L3" s="392"/>
      <c r="M3" s="392"/>
      <c r="N3" s="392"/>
      <c r="O3" s="392"/>
      <c r="P3" s="392"/>
      <c r="Q3" s="392"/>
      <c r="R3" s="392"/>
      <c r="S3" s="392"/>
      <c r="T3" s="392"/>
      <c r="U3" s="392"/>
      <c r="V3" s="392"/>
      <c r="W3" s="392"/>
      <c r="X3" s="392"/>
      <c r="Y3" s="392"/>
      <c r="Z3" s="392"/>
      <c r="AA3" s="392"/>
      <c r="AB3" s="392"/>
      <c r="AC3" s="392"/>
    </row>
    <row r="4" spans="2:37" s="290" customFormat="1" ht="23.25" customHeight="1" x14ac:dyDescent="0.15">
      <c r="B4" s="393" t="s">
        <v>85</v>
      </c>
      <c r="C4" s="393"/>
      <c r="D4" s="393"/>
      <c r="E4" s="393"/>
      <c r="F4" s="393"/>
      <c r="G4" s="398"/>
      <c r="H4" s="399"/>
      <c r="I4" s="399"/>
      <c r="J4" s="399"/>
      <c r="K4" s="399"/>
      <c r="L4" s="399"/>
      <c r="M4" s="399"/>
      <c r="N4" s="399"/>
      <c r="O4" s="399"/>
      <c r="P4" s="399"/>
      <c r="Q4" s="399"/>
      <c r="R4" s="399"/>
      <c r="S4" s="399"/>
      <c r="T4" s="399"/>
      <c r="U4" s="399"/>
      <c r="V4" s="399"/>
      <c r="W4" s="399"/>
      <c r="X4" s="399"/>
      <c r="Y4" s="399"/>
      <c r="Z4" s="399"/>
      <c r="AA4" s="399"/>
      <c r="AB4" s="399"/>
      <c r="AC4" s="400"/>
    </row>
    <row r="5" spans="2:37" s="290" customFormat="1" ht="23.25" customHeight="1" x14ac:dyDescent="0.15">
      <c r="B5" s="398" t="s">
        <v>116</v>
      </c>
      <c r="C5" s="399"/>
      <c r="D5" s="399"/>
      <c r="E5" s="399"/>
      <c r="F5" s="400"/>
      <c r="G5" s="277"/>
      <c r="H5" s="250" t="s">
        <v>0</v>
      </c>
      <c r="I5" s="315" t="s">
        <v>87</v>
      </c>
      <c r="J5" s="315"/>
      <c r="K5" s="315"/>
      <c r="L5" s="315"/>
      <c r="M5" s="272" t="s">
        <v>0</v>
      </c>
      <c r="N5" s="315" t="s">
        <v>88</v>
      </c>
      <c r="O5" s="315"/>
      <c r="P5" s="315"/>
      <c r="Q5" s="315"/>
      <c r="R5" s="272" t="s">
        <v>0</v>
      </c>
      <c r="S5" s="315" t="s">
        <v>89</v>
      </c>
      <c r="T5" s="315"/>
      <c r="U5" s="315"/>
      <c r="V5" s="250"/>
      <c r="W5" s="250"/>
      <c r="X5" s="250"/>
      <c r="Y5" s="250"/>
      <c r="Z5" s="250"/>
      <c r="AA5" s="250"/>
      <c r="AB5" s="250"/>
      <c r="AC5" s="251"/>
    </row>
    <row r="6" spans="2:37" s="290" customFormat="1" ht="23.25" customHeight="1" x14ac:dyDescent="0.15">
      <c r="B6" s="401" t="s">
        <v>191</v>
      </c>
      <c r="C6" s="402"/>
      <c r="D6" s="402"/>
      <c r="E6" s="402"/>
      <c r="F6" s="403"/>
      <c r="G6" s="296"/>
      <c r="H6" s="272" t="s">
        <v>0</v>
      </c>
      <c r="I6" s="297" t="s">
        <v>178</v>
      </c>
      <c r="J6" s="323"/>
      <c r="K6" s="323"/>
      <c r="L6" s="323"/>
      <c r="M6" s="323"/>
      <c r="N6" s="323"/>
      <c r="O6" s="323"/>
      <c r="P6" s="323"/>
      <c r="Q6" s="272" t="s">
        <v>0</v>
      </c>
      <c r="R6" s="297" t="s">
        <v>179</v>
      </c>
      <c r="S6" s="323"/>
      <c r="T6" s="323"/>
      <c r="U6" s="323"/>
      <c r="V6" s="253"/>
      <c r="W6" s="253"/>
      <c r="X6" s="253"/>
      <c r="Y6" s="253"/>
      <c r="Z6" s="253"/>
      <c r="AA6" s="253"/>
      <c r="AB6" s="253"/>
      <c r="AC6" s="254"/>
    </row>
    <row r="7" spans="2:37" s="290" customFormat="1" ht="23.25" customHeight="1" x14ac:dyDescent="0.15">
      <c r="B7" s="404"/>
      <c r="C7" s="405"/>
      <c r="D7" s="405"/>
      <c r="E7" s="405"/>
      <c r="F7" s="406"/>
      <c r="G7" s="299"/>
      <c r="H7" s="256" t="s">
        <v>0</v>
      </c>
      <c r="I7" s="259" t="s">
        <v>192</v>
      </c>
      <c r="J7" s="317"/>
      <c r="K7" s="317"/>
      <c r="L7" s="317"/>
      <c r="M7" s="317"/>
      <c r="N7" s="317"/>
      <c r="O7" s="317"/>
      <c r="P7" s="317"/>
      <c r="Q7" s="256" t="s">
        <v>0</v>
      </c>
      <c r="R7" s="259" t="s">
        <v>193</v>
      </c>
      <c r="S7" s="317"/>
      <c r="T7" s="317"/>
      <c r="U7" s="317"/>
      <c r="V7" s="256"/>
      <c r="W7" s="256"/>
      <c r="X7" s="256"/>
      <c r="Y7" s="256"/>
      <c r="Z7" s="256"/>
      <c r="AA7" s="256"/>
      <c r="AB7" s="256"/>
      <c r="AC7" s="257"/>
    </row>
    <row r="8" spans="2:37" s="290" customFormat="1" x14ac:dyDescent="0.15"/>
    <row r="9" spans="2:37" s="290" customFormat="1" x14ac:dyDescent="0.15">
      <c r="B9" s="290" t="s">
        <v>194</v>
      </c>
    </row>
    <row r="10" spans="2:37" s="290" customFormat="1" ht="7.5" customHeight="1" x14ac:dyDescent="0.15"/>
    <row r="11" spans="2:37" s="290" customFormat="1" ht="10.5" customHeight="1" x14ac:dyDescent="0.15">
      <c r="B11" s="296"/>
      <c r="C11" s="297"/>
      <c r="D11" s="297"/>
      <c r="E11" s="297"/>
      <c r="F11" s="298"/>
      <c r="G11" s="297"/>
      <c r="H11" s="297"/>
      <c r="I11" s="297"/>
      <c r="J11" s="297"/>
      <c r="K11" s="297"/>
      <c r="L11" s="297"/>
      <c r="M11" s="297"/>
      <c r="N11" s="297"/>
      <c r="O11" s="297"/>
      <c r="P11" s="297"/>
      <c r="Q11" s="297"/>
      <c r="R11" s="297"/>
      <c r="S11" s="297"/>
      <c r="T11" s="297"/>
      <c r="U11" s="297"/>
      <c r="V11" s="297"/>
      <c r="W11" s="297"/>
      <c r="X11" s="297"/>
      <c r="Y11" s="297"/>
      <c r="Z11" s="297"/>
      <c r="AA11" s="296"/>
      <c r="AB11" s="297"/>
      <c r="AC11" s="298"/>
    </row>
    <row r="12" spans="2:37" s="290" customFormat="1" ht="30" customHeight="1" x14ac:dyDescent="0.15">
      <c r="B12" s="457" t="s">
        <v>1062</v>
      </c>
      <c r="C12" s="407"/>
      <c r="D12" s="407"/>
      <c r="E12" s="407"/>
      <c r="F12" s="458"/>
      <c r="H12" s="331" t="s">
        <v>180</v>
      </c>
      <c r="I12" s="657" t="s">
        <v>195</v>
      </c>
      <c r="J12" s="658"/>
      <c r="K12" s="658"/>
      <c r="L12" s="658"/>
      <c r="M12" s="658"/>
      <c r="N12" s="658"/>
      <c r="O12" s="658"/>
      <c r="P12" s="658"/>
      <c r="Q12" s="658"/>
      <c r="R12" s="658"/>
      <c r="S12" s="398"/>
      <c r="T12" s="399"/>
      <c r="U12" s="251" t="s">
        <v>181</v>
      </c>
      <c r="V12" s="272"/>
      <c r="W12" s="272"/>
      <c r="X12" s="272"/>
      <c r="Y12" s="272"/>
      <c r="AA12" s="99" t="s">
        <v>94</v>
      </c>
      <c r="AB12" s="100" t="s">
        <v>95</v>
      </c>
      <c r="AC12" s="101" t="s">
        <v>96</v>
      </c>
      <c r="AK12" s="2"/>
    </row>
    <row r="13" spans="2:37" s="290" customFormat="1" ht="43.5" customHeight="1" x14ac:dyDescent="0.15">
      <c r="B13" s="457"/>
      <c r="C13" s="407"/>
      <c r="D13" s="407"/>
      <c r="E13" s="407"/>
      <c r="F13" s="458"/>
      <c r="H13" s="331" t="s">
        <v>182</v>
      </c>
      <c r="I13" s="602" t="s">
        <v>196</v>
      </c>
      <c r="J13" s="603"/>
      <c r="K13" s="603"/>
      <c r="L13" s="603"/>
      <c r="M13" s="603"/>
      <c r="N13" s="603"/>
      <c r="O13" s="603"/>
      <c r="P13" s="603"/>
      <c r="Q13" s="603"/>
      <c r="R13" s="604"/>
      <c r="S13" s="398"/>
      <c r="T13" s="399"/>
      <c r="U13" s="251" t="s">
        <v>181</v>
      </c>
      <c r="V13" s="290" t="s">
        <v>184</v>
      </c>
      <c r="W13" s="500" t="s">
        <v>197</v>
      </c>
      <c r="X13" s="500"/>
      <c r="Y13" s="500"/>
      <c r="Z13" s="274"/>
      <c r="AA13" s="291" t="s">
        <v>0</v>
      </c>
      <c r="AB13" s="272" t="s">
        <v>95</v>
      </c>
      <c r="AC13" s="292" t="s">
        <v>0</v>
      </c>
      <c r="AK13" s="2"/>
    </row>
    <row r="14" spans="2:37" s="290" customFormat="1" ht="7.5" customHeight="1" x14ac:dyDescent="0.15">
      <c r="B14" s="299"/>
      <c r="C14" s="259"/>
      <c r="D14" s="259"/>
      <c r="E14" s="259"/>
      <c r="F14" s="300"/>
      <c r="G14" s="259"/>
      <c r="H14" s="259"/>
      <c r="I14" s="259"/>
      <c r="J14" s="259"/>
      <c r="K14" s="259"/>
      <c r="L14" s="259"/>
      <c r="M14" s="259"/>
      <c r="N14" s="259"/>
      <c r="O14" s="259"/>
      <c r="P14" s="259"/>
      <c r="Q14" s="259"/>
      <c r="R14" s="259"/>
      <c r="S14" s="259"/>
      <c r="T14" s="259"/>
      <c r="U14" s="259"/>
      <c r="V14" s="259"/>
      <c r="W14" s="259"/>
      <c r="X14" s="259"/>
      <c r="Y14" s="259"/>
      <c r="Z14" s="259"/>
      <c r="AA14" s="299"/>
      <c r="AB14" s="259"/>
      <c r="AC14" s="300"/>
    </row>
    <row r="15" spans="2:37" s="290" customFormat="1" x14ac:dyDescent="0.15">
      <c r="B15" s="296"/>
      <c r="C15" s="297"/>
      <c r="D15" s="297"/>
      <c r="E15" s="297"/>
      <c r="F15" s="298"/>
      <c r="G15" s="297"/>
      <c r="H15" s="297"/>
      <c r="I15" s="297"/>
      <c r="J15" s="297"/>
      <c r="K15" s="297"/>
      <c r="L15" s="297"/>
      <c r="M15" s="297"/>
      <c r="N15" s="297"/>
      <c r="O15" s="297"/>
      <c r="P15" s="297"/>
      <c r="Q15" s="297"/>
      <c r="R15" s="297"/>
      <c r="S15" s="297"/>
      <c r="T15" s="297"/>
      <c r="U15" s="297"/>
      <c r="V15" s="297"/>
      <c r="W15" s="297"/>
      <c r="X15" s="297"/>
      <c r="Y15" s="297"/>
      <c r="Z15" s="297"/>
      <c r="AA15" s="296"/>
      <c r="AB15" s="297"/>
      <c r="AC15" s="298"/>
    </row>
    <row r="16" spans="2:37" s="290" customFormat="1" ht="30" customHeight="1" x14ac:dyDescent="0.15">
      <c r="B16" s="457" t="s">
        <v>1063</v>
      </c>
      <c r="C16" s="407"/>
      <c r="D16" s="407"/>
      <c r="E16" s="407"/>
      <c r="F16" s="458"/>
      <c r="H16" s="331" t="s">
        <v>180</v>
      </c>
      <c r="I16" s="602" t="s">
        <v>195</v>
      </c>
      <c r="J16" s="603"/>
      <c r="K16" s="603"/>
      <c r="L16" s="603"/>
      <c r="M16" s="603"/>
      <c r="N16" s="603"/>
      <c r="O16" s="603"/>
      <c r="P16" s="603"/>
      <c r="Q16" s="603"/>
      <c r="R16" s="604"/>
      <c r="S16" s="398"/>
      <c r="T16" s="399"/>
      <c r="U16" s="251" t="s">
        <v>181</v>
      </c>
      <c r="V16" s="272"/>
      <c r="W16" s="272"/>
      <c r="X16" s="272"/>
      <c r="Y16" s="272"/>
      <c r="AA16" s="99" t="s">
        <v>94</v>
      </c>
      <c r="AB16" s="100" t="s">
        <v>95</v>
      </c>
      <c r="AC16" s="101" t="s">
        <v>96</v>
      </c>
      <c r="AK16" s="2"/>
    </row>
    <row r="17" spans="2:37" s="290" customFormat="1" ht="36" customHeight="1" x14ac:dyDescent="0.15">
      <c r="B17" s="457"/>
      <c r="C17" s="407"/>
      <c r="D17" s="407"/>
      <c r="E17" s="407"/>
      <c r="F17" s="458"/>
      <c r="H17" s="331" t="s">
        <v>182</v>
      </c>
      <c r="I17" s="602" t="s">
        <v>183</v>
      </c>
      <c r="J17" s="603"/>
      <c r="K17" s="603"/>
      <c r="L17" s="603"/>
      <c r="M17" s="603"/>
      <c r="N17" s="603"/>
      <c r="O17" s="603"/>
      <c r="P17" s="603"/>
      <c r="Q17" s="603"/>
      <c r="R17" s="604"/>
      <c r="S17" s="398"/>
      <c r="T17" s="399"/>
      <c r="U17" s="251" t="s">
        <v>181</v>
      </c>
      <c r="V17" s="290" t="s">
        <v>184</v>
      </c>
      <c r="W17" s="500" t="s">
        <v>185</v>
      </c>
      <c r="X17" s="500"/>
      <c r="Y17" s="500"/>
      <c r="Z17" s="274"/>
      <c r="AA17" s="291" t="s">
        <v>0</v>
      </c>
      <c r="AB17" s="272" t="s">
        <v>95</v>
      </c>
      <c r="AC17" s="292" t="s">
        <v>0</v>
      </c>
      <c r="AK17" s="2"/>
    </row>
    <row r="18" spans="2:37" s="290" customFormat="1" ht="7.5" customHeight="1" x14ac:dyDescent="0.15">
      <c r="B18" s="299"/>
      <c r="C18" s="259"/>
      <c r="D18" s="259"/>
      <c r="E18" s="259"/>
      <c r="F18" s="300"/>
      <c r="G18" s="259"/>
      <c r="H18" s="259"/>
      <c r="I18" s="259"/>
      <c r="J18" s="259"/>
      <c r="K18" s="259"/>
      <c r="L18" s="259"/>
      <c r="M18" s="259"/>
      <c r="N18" s="259"/>
      <c r="O18" s="259"/>
      <c r="P18" s="259"/>
      <c r="Q18" s="259"/>
      <c r="R18" s="259"/>
      <c r="S18" s="259"/>
      <c r="T18" s="259"/>
      <c r="U18" s="259"/>
      <c r="V18" s="259"/>
      <c r="W18" s="259"/>
      <c r="X18" s="259"/>
      <c r="Y18" s="259"/>
      <c r="Z18" s="259"/>
      <c r="AA18" s="299"/>
      <c r="AB18" s="259"/>
      <c r="AC18" s="300"/>
    </row>
    <row r="19" spans="2:37" s="290" customFormat="1" x14ac:dyDescent="0.15">
      <c r="B19" s="296"/>
      <c r="C19" s="297"/>
      <c r="D19" s="297"/>
      <c r="E19" s="297"/>
      <c r="F19" s="298"/>
      <c r="G19" s="297"/>
      <c r="H19" s="297"/>
      <c r="I19" s="297"/>
      <c r="J19" s="297"/>
      <c r="K19" s="297"/>
      <c r="L19" s="297"/>
      <c r="M19" s="297"/>
      <c r="N19" s="297"/>
      <c r="O19" s="297"/>
      <c r="P19" s="297"/>
      <c r="Q19" s="297"/>
      <c r="R19" s="297"/>
      <c r="S19" s="297"/>
      <c r="T19" s="297"/>
      <c r="U19" s="297"/>
      <c r="V19" s="297"/>
      <c r="W19" s="297"/>
      <c r="X19" s="297"/>
      <c r="Y19" s="297"/>
      <c r="Z19" s="297"/>
      <c r="AA19" s="296"/>
      <c r="AB19" s="297"/>
      <c r="AC19" s="298"/>
    </row>
    <row r="20" spans="2:37" s="290" customFormat="1" ht="30" customHeight="1" x14ac:dyDescent="0.15">
      <c r="B20" s="457" t="s">
        <v>1064</v>
      </c>
      <c r="C20" s="407"/>
      <c r="D20" s="407"/>
      <c r="E20" s="407"/>
      <c r="F20" s="458"/>
      <c r="H20" s="331" t="s">
        <v>180</v>
      </c>
      <c r="I20" s="602" t="s">
        <v>195</v>
      </c>
      <c r="J20" s="603"/>
      <c r="K20" s="603"/>
      <c r="L20" s="603"/>
      <c r="M20" s="603"/>
      <c r="N20" s="603"/>
      <c r="O20" s="603"/>
      <c r="P20" s="603"/>
      <c r="Q20" s="603"/>
      <c r="R20" s="604"/>
      <c r="S20" s="398"/>
      <c r="T20" s="399"/>
      <c r="U20" s="251" t="s">
        <v>181</v>
      </c>
      <c r="V20" s="272"/>
      <c r="W20" s="272"/>
      <c r="X20" s="272"/>
      <c r="Y20" s="272"/>
      <c r="AA20" s="99" t="s">
        <v>94</v>
      </c>
      <c r="AB20" s="100" t="s">
        <v>95</v>
      </c>
      <c r="AC20" s="101" t="s">
        <v>96</v>
      </c>
      <c r="AK20" s="2"/>
    </row>
    <row r="21" spans="2:37" s="290" customFormat="1" ht="36" customHeight="1" x14ac:dyDescent="0.15">
      <c r="B21" s="457"/>
      <c r="C21" s="407"/>
      <c r="D21" s="407"/>
      <c r="E21" s="407"/>
      <c r="F21" s="458"/>
      <c r="H21" s="331" t="s">
        <v>182</v>
      </c>
      <c r="I21" s="602" t="s">
        <v>186</v>
      </c>
      <c r="J21" s="603"/>
      <c r="K21" s="603"/>
      <c r="L21" s="603"/>
      <c r="M21" s="603"/>
      <c r="N21" s="603"/>
      <c r="O21" s="603"/>
      <c r="P21" s="603"/>
      <c r="Q21" s="603"/>
      <c r="R21" s="604"/>
      <c r="S21" s="398"/>
      <c r="T21" s="399"/>
      <c r="U21" s="251" t="s">
        <v>181</v>
      </c>
      <c r="V21" s="290" t="s">
        <v>184</v>
      </c>
      <c r="W21" s="500" t="s">
        <v>187</v>
      </c>
      <c r="X21" s="500"/>
      <c r="Y21" s="500"/>
      <c r="Z21" s="274"/>
      <c r="AA21" s="291" t="s">
        <v>0</v>
      </c>
      <c r="AB21" s="272" t="s">
        <v>95</v>
      </c>
      <c r="AC21" s="292" t="s">
        <v>0</v>
      </c>
      <c r="AK21" s="2"/>
    </row>
    <row r="22" spans="2:37" s="290" customFormat="1" ht="7.5" customHeight="1" x14ac:dyDescent="0.15">
      <c r="B22" s="299"/>
      <c r="C22" s="259"/>
      <c r="D22" s="259"/>
      <c r="E22" s="259"/>
      <c r="F22" s="300"/>
      <c r="G22" s="259"/>
      <c r="V22" s="259"/>
      <c r="W22" s="259"/>
      <c r="X22" s="259"/>
      <c r="Y22" s="259"/>
      <c r="Z22" s="259"/>
      <c r="AA22" s="299"/>
      <c r="AB22" s="259"/>
      <c r="AC22" s="300"/>
    </row>
    <row r="23" spans="2:37" s="290" customFormat="1" ht="9.75" customHeight="1" x14ac:dyDescent="0.15">
      <c r="B23" s="296"/>
      <c r="C23" s="297"/>
      <c r="D23" s="297"/>
      <c r="E23" s="297"/>
      <c r="F23" s="298"/>
      <c r="G23" s="297"/>
      <c r="H23" s="297"/>
      <c r="I23" s="297"/>
      <c r="J23" s="297"/>
      <c r="K23" s="297"/>
      <c r="L23" s="297"/>
      <c r="M23" s="297"/>
      <c r="N23" s="297"/>
      <c r="O23" s="297"/>
      <c r="P23" s="297"/>
      <c r="Q23" s="297"/>
      <c r="R23" s="297"/>
      <c r="S23" s="297"/>
      <c r="T23" s="297"/>
      <c r="U23" s="297"/>
      <c r="V23" s="297"/>
      <c r="W23" s="297"/>
      <c r="X23" s="297"/>
      <c r="Y23" s="297"/>
      <c r="Z23" s="297"/>
      <c r="AA23" s="296"/>
      <c r="AB23" s="297"/>
      <c r="AC23" s="298"/>
    </row>
    <row r="24" spans="2:37" s="290" customFormat="1" ht="13.5" customHeight="1" x14ac:dyDescent="0.15">
      <c r="B24" s="329"/>
      <c r="C24" s="260"/>
      <c r="D24" s="260"/>
      <c r="E24" s="260"/>
      <c r="F24" s="330"/>
      <c r="AA24" s="99" t="s">
        <v>94</v>
      </c>
      <c r="AB24" s="100" t="s">
        <v>95</v>
      </c>
      <c r="AC24" s="101" t="s">
        <v>96</v>
      </c>
    </row>
    <row r="25" spans="2:37" s="290" customFormat="1" ht="36" customHeight="1" x14ac:dyDescent="0.15">
      <c r="B25" s="457" t="s">
        <v>1065</v>
      </c>
      <c r="C25" s="407"/>
      <c r="D25" s="407"/>
      <c r="E25" s="407"/>
      <c r="F25" s="458"/>
      <c r="H25" s="331" t="s">
        <v>180</v>
      </c>
      <c r="I25" s="602" t="s">
        <v>188</v>
      </c>
      <c r="J25" s="603"/>
      <c r="K25" s="603"/>
      <c r="L25" s="603"/>
      <c r="M25" s="603"/>
      <c r="N25" s="603"/>
      <c r="O25" s="603"/>
      <c r="P25" s="603"/>
      <c r="Q25" s="603"/>
      <c r="R25" s="604"/>
      <c r="S25" s="398"/>
      <c r="T25" s="399"/>
      <c r="U25" s="251" t="s">
        <v>181</v>
      </c>
      <c r="V25" s="289" t="s">
        <v>184</v>
      </c>
      <c r="W25" s="500" t="s">
        <v>198</v>
      </c>
      <c r="X25" s="500"/>
      <c r="Y25" s="500"/>
      <c r="Z25" s="274"/>
      <c r="AA25" s="291" t="s">
        <v>0</v>
      </c>
      <c r="AB25" s="272" t="s">
        <v>95</v>
      </c>
      <c r="AC25" s="292" t="s">
        <v>0</v>
      </c>
      <c r="AK25" s="2"/>
    </row>
    <row r="26" spans="2:37" s="290" customFormat="1" ht="7.5" customHeight="1" x14ac:dyDescent="0.15">
      <c r="B26" s="305"/>
      <c r="C26" s="306"/>
      <c r="D26" s="306"/>
      <c r="E26" s="306"/>
      <c r="F26" s="307"/>
      <c r="G26" s="259"/>
      <c r="H26" s="356"/>
      <c r="I26" s="612"/>
      <c r="J26" s="612"/>
      <c r="K26" s="612"/>
      <c r="L26" s="612"/>
      <c r="M26" s="103"/>
      <c r="N26" s="103"/>
      <c r="O26" s="103"/>
      <c r="P26" s="103"/>
      <c r="Q26" s="103"/>
      <c r="R26" s="103"/>
      <c r="S26" s="259"/>
      <c r="T26" s="259"/>
      <c r="U26" s="256"/>
      <c r="V26" s="306"/>
      <c r="W26" s="282"/>
      <c r="X26" s="282"/>
      <c r="Y26" s="282"/>
      <c r="Z26" s="269"/>
      <c r="AA26" s="659"/>
      <c r="AB26" s="654"/>
      <c r="AC26" s="660"/>
      <c r="AK26" s="2"/>
    </row>
    <row r="27" spans="2:37" s="290" customFormat="1" ht="7.5" customHeight="1" x14ac:dyDescent="0.15">
      <c r="B27" s="296"/>
      <c r="C27" s="297"/>
      <c r="D27" s="297"/>
      <c r="E27" s="297"/>
      <c r="F27" s="297"/>
      <c r="G27" s="297"/>
      <c r="H27" s="297"/>
      <c r="I27" s="297"/>
      <c r="J27" s="297"/>
      <c r="K27" s="297"/>
      <c r="L27" s="297"/>
      <c r="M27" s="297"/>
      <c r="N27" s="297"/>
      <c r="O27" s="297"/>
      <c r="P27" s="297"/>
      <c r="Q27" s="297"/>
      <c r="R27" s="297"/>
      <c r="S27" s="297"/>
      <c r="T27" s="297"/>
      <c r="U27" s="297"/>
      <c r="V27" s="297"/>
      <c r="W27" s="297"/>
      <c r="X27" s="297"/>
      <c r="Y27" s="297"/>
      <c r="Z27" s="297"/>
      <c r="AA27" s="296"/>
      <c r="AB27" s="297"/>
      <c r="AC27" s="298"/>
    </row>
    <row r="28" spans="2:37" s="290" customFormat="1" x14ac:dyDescent="0.15">
      <c r="B28" s="295"/>
      <c r="AA28" s="99" t="s">
        <v>94</v>
      </c>
      <c r="AB28" s="100" t="s">
        <v>95</v>
      </c>
      <c r="AC28" s="101" t="s">
        <v>96</v>
      </c>
    </row>
    <row r="29" spans="2:37" s="290" customFormat="1" ht="21" customHeight="1" x14ac:dyDescent="0.15">
      <c r="B29" s="492" t="s">
        <v>199</v>
      </c>
      <c r="C29" s="493"/>
      <c r="D29" s="493"/>
      <c r="E29" s="493"/>
      <c r="F29" s="493"/>
      <c r="G29" s="493"/>
      <c r="H29" s="493"/>
      <c r="I29" s="493"/>
      <c r="J29" s="493"/>
      <c r="K29" s="493"/>
      <c r="L29" s="493"/>
      <c r="M29" s="493"/>
      <c r="N29" s="493"/>
      <c r="O29" s="493"/>
      <c r="P29" s="493"/>
      <c r="Q29" s="493"/>
      <c r="R29" s="493"/>
      <c r="S29" s="493"/>
      <c r="T29" s="493"/>
      <c r="U29" s="493"/>
      <c r="V29" s="493"/>
      <c r="W29" s="493"/>
      <c r="X29" s="493"/>
      <c r="Y29" s="493"/>
      <c r="Z29" s="494"/>
      <c r="AA29" s="291" t="s">
        <v>0</v>
      </c>
      <c r="AB29" s="272" t="s">
        <v>95</v>
      </c>
      <c r="AC29" s="292" t="s">
        <v>0</v>
      </c>
    </row>
    <row r="30" spans="2:37" s="290" customFormat="1" ht="4.5" customHeight="1" x14ac:dyDescent="0.15">
      <c r="B30" s="299"/>
      <c r="C30" s="259"/>
      <c r="D30" s="259"/>
      <c r="E30" s="259"/>
      <c r="F30" s="259"/>
      <c r="G30" s="259"/>
      <c r="H30" s="259"/>
      <c r="I30" s="259"/>
      <c r="J30" s="259"/>
      <c r="K30" s="259"/>
      <c r="L30" s="259"/>
      <c r="M30" s="259"/>
      <c r="N30" s="259"/>
      <c r="O30" s="259"/>
      <c r="P30" s="259"/>
      <c r="Q30" s="259"/>
      <c r="R30" s="259"/>
      <c r="S30" s="259"/>
      <c r="T30" s="259"/>
      <c r="U30" s="259"/>
      <c r="V30" s="259"/>
      <c r="W30" s="259"/>
      <c r="X30" s="259"/>
      <c r="Y30" s="259"/>
      <c r="Z30" s="259"/>
      <c r="AA30" s="299"/>
      <c r="AB30" s="259"/>
      <c r="AC30" s="300"/>
    </row>
    <row r="31" spans="2:37" s="290" customFormat="1" x14ac:dyDescent="0.15"/>
    <row r="32" spans="2:37" s="290" customFormat="1" x14ac:dyDescent="0.15">
      <c r="B32" s="290" t="s">
        <v>200</v>
      </c>
    </row>
    <row r="33" spans="2:37" s="290" customFormat="1" ht="7.5" customHeight="1" x14ac:dyDescent="0.15"/>
    <row r="34" spans="2:37" s="290" customFormat="1" ht="7.5" customHeight="1" x14ac:dyDescent="0.15">
      <c r="B34" s="296"/>
      <c r="C34" s="297"/>
      <c r="D34" s="297"/>
      <c r="E34" s="297"/>
      <c r="F34" s="298"/>
      <c r="G34" s="297"/>
      <c r="H34" s="297"/>
      <c r="I34" s="297"/>
      <c r="J34" s="297"/>
      <c r="K34" s="297"/>
      <c r="L34" s="297"/>
      <c r="M34" s="297"/>
      <c r="N34" s="297"/>
      <c r="O34" s="297"/>
      <c r="P34" s="297"/>
      <c r="Q34" s="297"/>
      <c r="R34" s="297"/>
      <c r="S34" s="297"/>
      <c r="T34" s="297"/>
      <c r="U34" s="297"/>
      <c r="V34" s="297"/>
      <c r="W34" s="297"/>
      <c r="X34" s="297"/>
      <c r="Y34" s="297"/>
      <c r="Z34" s="297"/>
      <c r="AA34" s="296"/>
      <c r="AB34" s="297"/>
      <c r="AC34" s="298"/>
    </row>
    <row r="35" spans="2:37" s="290" customFormat="1" ht="30" customHeight="1" x14ac:dyDescent="0.15">
      <c r="B35" s="457" t="s">
        <v>1062</v>
      </c>
      <c r="C35" s="407"/>
      <c r="D35" s="407"/>
      <c r="E35" s="407"/>
      <c r="F35" s="458"/>
      <c r="H35" s="331" t="s">
        <v>180</v>
      </c>
      <c r="I35" s="657" t="s">
        <v>195</v>
      </c>
      <c r="J35" s="658"/>
      <c r="K35" s="658"/>
      <c r="L35" s="658"/>
      <c r="M35" s="658"/>
      <c r="N35" s="658"/>
      <c r="O35" s="658"/>
      <c r="P35" s="658"/>
      <c r="Q35" s="658"/>
      <c r="R35" s="658"/>
      <c r="S35" s="398"/>
      <c r="T35" s="399"/>
      <c r="U35" s="251" t="s">
        <v>181</v>
      </c>
      <c r="V35" s="272"/>
      <c r="W35" s="272"/>
      <c r="X35" s="272"/>
      <c r="Y35" s="272"/>
      <c r="AA35" s="99" t="s">
        <v>94</v>
      </c>
      <c r="AB35" s="100" t="s">
        <v>95</v>
      </c>
      <c r="AC35" s="101" t="s">
        <v>96</v>
      </c>
      <c r="AK35" s="2"/>
    </row>
    <row r="36" spans="2:37" s="290" customFormat="1" ht="36" customHeight="1" x14ac:dyDescent="0.15">
      <c r="B36" s="457"/>
      <c r="C36" s="407"/>
      <c r="D36" s="407"/>
      <c r="E36" s="407"/>
      <c r="F36" s="458"/>
      <c r="H36" s="331" t="s">
        <v>182</v>
      </c>
      <c r="I36" s="602" t="s">
        <v>196</v>
      </c>
      <c r="J36" s="603"/>
      <c r="K36" s="603"/>
      <c r="L36" s="603"/>
      <c r="M36" s="603"/>
      <c r="N36" s="603"/>
      <c r="O36" s="603"/>
      <c r="P36" s="603"/>
      <c r="Q36" s="603"/>
      <c r="R36" s="604"/>
      <c r="S36" s="398"/>
      <c r="T36" s="399"/>
      <c r="U36" s="251" t="s">
        <v>181</v>
      </c>
      <c r="V36" s="290" t="s">
        <v>184</v>
      </c>
      <c r="W36" s="500" t="s">
        <v>201</v>
      </c>
      <c r="X36" s="500"/>
      <c r="Y36" s="500"/>
      <c r="Z36" s="274"/>
      <c r="AA36" s="291" t="s">
        <v>0</v>
      </c>
      <c r="AB36" s="272" t="s">
        <v>95</v>
      </c>
      <c r="AC36" s="292" t="s">
        <v>0</v>
      </c>
      <c r="AK36" s="2"/>
    </row>
    <row r="37" spans="2:37" s="290" customFormat="1" ht="7.5" customHeight="1" x14ac:dyDescent="0.15">
      <c r="B37" s="299"/>
      <c r="C37" s="259"/>
      <c r="D37" s="259"/>
      <c r="E37" s="259"/>
      <c r="F37" s="300"/>
      <c r="G37" s="259"/>
      <c r="H37" s="259"/>
      <c r="I37" s="259"/>
      <c r="J37" s="259"/>
      <c r="K37" s="259"/>
      <c r="L37" s="259"/>
      <c r="M37" s="259"/>
      <c r="N37" s="259"/>
      <c r="O37" s="259"/>
      <c r="P37" s="259"/>
      <c r="Q37" s="259"/>
      <c r="R37" s="259"/>
      <c r="S37" s="259"/>
      <c r="T37" s="259"/>
      <c r="U37" s="259"/>
      <c r="V37" s="259"/>
      <c r="W37" s="259"/>
      <c r="X37" s="259"/>
      <c r="Y37" s="259"/>
      <c r="Z37" s="259"/>
      <c r="AA37" s="299"/>
      <c r="AB37" s="259"/>
      <c r="AC37" s="300"/>
    </row>
    <row r="38" spans="2:37" s="290" customFormat="1" ht="7.5" customHeight="1" x14ac:dyDescent="0.15">
      <c r="B38" s="296"/>
      <c r="C38" s="297"/>
      <c r="D38" s="297"/>
      <c r="E38" s="297"/>
      <c r="F38" s="298"/>
      <c r="G38" s="297"/>
      <c r="H38" s="286"/>
      <c r="I38" s="286"/>
      <c r="J38" s="286"/>
      <c r="K38" s="286"/>
      <c r="L38" s="286"/>
      <c r="M38" s="286"/>
      <c r="N38" s="286"/>
      <c r="O38" s="286"/>
      <c r="P38" s="286"/>
      <c r="Q38" s="286"/>
      <c r="R38" s="286"/>
      <c r="S38" s="286"/>
      <c r="T38" s="286"/>
      <c r="U38" s="286"/>
      <c r="V38" s="297"/>
      <c r="W38" s="297"/>
      <c r="X38" s="297"/>
      <c r="Y38" s="297"/>
      <c r="Z38" s="297"/>
      <c r="AA38" s="296"/>
      <c r="AB38" s="297"/>
      <c r="AC38" s="298"/>
    </row>
    <row r="39" spans="2:37" s="290" customFormat="1" ht="30" customHeight="1" x14ac:dyDescent="0.15">
      <c r="B39" s="457" t="s">
        <v>1066</v>
      </c>
      <c r="C39" s="407"/>
      <c r="D39" s="407"/>
      <c r="E39" s="407"/>
      <c r="F39" s="458"/>
      <c r="G39" s="239"/>
      <c r="H39" s="337" t="s">
        <v>180</v>
      </c>
      <c r="I39" s="661" t="s">
        <v>195</v>
      </c>
      <c r="J39" s="662"/>
      <c r="K39" s="662"/>
      <c r="L39" s="662"/>
      <c r="M39" s="662"/>
      <c r="N39" s="662"/>
      <c r="O39" s="662"/>
      <c r="P39" s="662"/>
      <c r="Q39" s="662"/>
      <c r="R39" s="663"/>
      <c r="S39" s="404"/>
      <c r="T39" s="405"/>
      <c r="U39" s="257" t="s">
        <v>181</v>
      </c>
      <c r="V39" s="291"/>
      <c r="W39" s="272"/>
      <c r="X39" s="272"/>
      <c r="Y39" s="272"/>
      <c r="AA39" s="99" t="s">
        <v>94</v>
      </c>
      <c r="AB39" s="100" t="s">
        <v>95</v>
      </c>
      <c r="AC39" s="101" t="s">
        <v>96</v>
      </c>
      <c r="AK39" s="2"/>
    </row>
    <row r="40" spans="2:37" s="290" customFormat="1" ht="36" customHeight="1" x14ac:dyDescent="0.15">
      <c r="B40" s="457"/>
      <c r="C40" s="407"/>
      <c r="D40" s="407"/>
      <c r="E40" s="407"/>
      <c r="F40" s="458"/>
      <c r="H40" s="331" t="s">
        <v>182</v>
      </c>
      <c r="I40" s="602" t="s">
        <v>183</v>
      </c>
      <c r="J40" s="603"/>
      <c r="K40" s="603"/>
      <c r="L40" s="603"/>
      <c r="M40" s="603"/>
      <c r="N40" s="603"/>
      <c r="O40" s="603"/>
      <c r="P40" s="603"/>
      <c r="Q40" s="603"/>
      <c r="R40" s="604"/>
      <c r="S40" s="398"/>
      <c r="T40" s="399"/>
      <c r="U40" s="251" t="s">
        <v>181</v>
      </c>
      <c r="V40" s="290" t="s">
        <v>184</v>
      </c>
      <c r="W40" s="500" t="s">
        <v>201</v>
      </c>
      <c r="X40" s="500"/>
      <c r="Y40" s="500"/>
      <c r="Z40" s="274"/>
      <c r="AA40" s="291" t="s">
        <v>0</v>
      </c>
      <c r="AB40" s="272" t="s">
        <v>95</v>
      </c>
      <c r="AC40" s="292" t="s">
        <v>0</v>
      </c>
      <c r="AK40" s="2"/>
    </row>
    <row r="41" spans="2:37" s="290" customFormat="1" ht="7.5" customHeight="1" x14ac:dyDescent="0.15">
      <c r="B41" s="299"/>
      <c r="C41" s="259"/>
      <c r="D41" s="259"/>
      <c r="E41" s="259"/>
      <c r="F41" s="300"/>
      <c r="G41" s="259"/>
      <c r="H41" s="259"/>
      <c r="I41" s="259"/>
      <c r="J41" s="259"/>
      <c r="K41" s="259"/>
      <c r="L41" s="259"/>
      <c r="M41" s="259"/>
      <c r="N41" s="259"/>
      <c r="O41" s="259"/>
      <c r="P41" s="259"/>
      <c r="Q41" s="259"/>
      <c r="R41" s="259"/>
      <c r="S41" s="259"/>
      <c r="T41" s="259"/>
      <c r="U41" s="259"/>
      <c r="V41" s="259"/>
      <c r="W41" s="259"/>
      <c r="X41" s="259"/>
      <c r="Y41" s="259"/>
      <c r="Z41" s="259"/>
      <c r="AA41" s="299"/>
      <c r="AB41" s="259"/>
      <c r="AC41" s="300"/>
    </row>
    <row r="42" spans="2:37" s="290" customFormat="1" ht="7.5" customHeight="1" x14ac:dyDescent="0.15">
      <c r="B42" s="296"/>
      <c r="C42" s="297"/>
      <c r="D42" s="297"/>
      <c r="E42" s="297"/>
      <c r="F42" s="298"/>
      <c r="G42" s="297"/>
      <c r="H42" s="297"/>
      <c r="I42" s="297"/>
      <c r="J42" s="297"/>
      <c r="K42" s="297"/>
      <c r="L42" s="297"/>
      <c r="M42" s="297"/>
      <c r="N42" s="297"/>
      <c r="O42" s="297"/>
      <c r="P42" s="297"/>
      <c r="Q42" s="297"/>
      <c r="R42" s="297"/>
      <c r="S42" s="297"/>
      <c r="T42" s="297"/>
      <c r="U42" s="297"/>
      <c r="V42" s="297"/>
      <c r="W42" s="297"/>
      <c r="X42" s="297"/>
      <c r="Y42" s="297"/>
      <c r="Z42" s="297"/>
      <c r="AA42" s="296"/>
      <c r="AB42" s="297"/>
      <c r="AC42" s="298"/>
    </row>
    <row r="43" spans="2:37" s="290" customFormat="1" ht="30" customHeight="1" x14ac:dyDescent="0.15">
      <c r="B43" s="457" t="s">
        <v>1064</v>
      </c>
      <c r="C43" s="407"/>
      <c r="D43" s="407"/>
      <c r="E43" s="407"/>
      <c r="F43" s="458"/>
      <c r="H43" s="331" t="s">
        <v>180</v>
      </c>
      <c r="I43" s="602" t="s">
        <v>195</v>
      </c>
      <c r="J43" s="603"/>
      <c r="K43" s="603"/>
      <c r="L43" s="603"/>
      <c r="M43" s="603"/>
      <c r="N43" s="603"/>
      <c r="O43" s="603"/>
      <c r="P43" s="603"/>
      <c r="Q43" s="603"/>
      <c r="R43" s="604"/>
      <c r="S43" s="398"/>
      <c r="T43" s="399"/>
      <c r="U43" s="251" t="s">
        <v>181</v>
      </c>
      <c r="V43" s="272"/>
      <c r="W43" s="272"/>
      <c r="X43" s="272"/>
      <c r="Y43" s="272"/>
      <c r="AA43" s="99" t="s">
        <v>94</v>
      </c>
      <c r="AB43" s="100" t="s">
        <v>95</v>
      </c>
      <c r="AC43" s="101" t="s">
        <v>96</v>
      </c>
      <c r="AK43" s="2"/>
    </row>
    <row r="44" spans="2:37" s="290" customFormat="1" ht="36" customHeight="1" x14ac:dyDescent="0.15">
      <c r="B44" s="457"/>
      <c r="C44" s="407"/>
      <c r="D44" s="407"/>
      <c r="E44" s="407"/>
      <c r="F44" s="458"/>
      <c r="H44" s="331" t="s">
        <v>182</v>
      </c>
      <c r="I44" s="602" t="s">
        <v>186</v>
      </c>
      <c r="J44" s="603"/>
      <c r="K44" s="603"/>
      <c r="L44" s="603"/>
      <c r="M44" s="603"/>
      <c r="N44" s="603"/>
      <c r="O44" s="603"/>
      <c r="P44" s="603"/>
      <c r="Q44" s="603"/>
      <c r="R44" s="604"/>
      <c r="S44" s="398"/>
      <c r="T44" s="399"/>
      <c r="U44" s="251" t="s">
        <v>181</v>
      </c>
      <c r="V44" s="290" t="s">
        <v>184</v>
      </c>
      <c r="W44" s="500" t="s">
        <v>202</v>
      </c>
      <c r="X44" s="500"/>
      <c r="Y44" s="500"/>
      <c r="Z44" s="274"/>
      <c r="AA44" s="291" t="s">
        <v>0</v>
      </c>
      <c r="AB44" s="272" t="s">
        <v>95</v>
      </c>
      <c r="AC44" s="292" t="s">
        <v>0</v>
      </c>
      <c r="AK44" s="2"/>
    </row>
    <row r="45" spans="2:37" s="290" customFormat="1" ht="7.5" customHeight="1" x14ac:dyDescent="0.15">
      <c r="B45" s="299"/>
      <c r="C45" s="259"/>
      <c r="D45" s="259"/>
      <c r="E45" s="259"/>
      <c r="F45" s="300"/>
      <c r="G45" s="259"/>
      <c r="H45" s="259"/>
      <c r="I45" s="259"/>
      <c r="J45" s="259"/>
      <c r="K45" s="259"/>
      <c r="L45" s="259"/>
      <c r="M45" s="259"/>
      <c r="N45" s="259"/>
      <c r="O45" s="259"/>
      <c r="P45" s="259"/>
      <c r="Q45" s="259"/>
      <c r="R45" s="259"/>
      <c r="S45" s="259"/>
      <c r="T45" s="259"/>
      <c r="U45" s="259"/>
      <c r="V45" s="259"/>
      <c r="W45" s="259"/>
      <c r="X45" s="259"/>
      <c r="Y45" s="259"/>
      <c r="Z45" s="259"/>
      <c r="AA45" s="299"/>
      <c r="AB45" s="259"/>
      <c r="AC45" s="300"/>
    </row>
    <row r="46" spans="2:37" s="290" customFormat="1" x14ac:dyDescent="0.15"/>
    <row r="47" spans="2:37" s="290" customFormat="1" x14ac:dyDescent="0.15">
      <c r="B47" s="290" t="s">
        <v>203</v>
      </c>
    </row>
    <row r="48" spans="2:37" s="290" customFormat="1" ht="7.5" customHeight="1" x14ac:dyDescent="0.15"/>
    <row r="49" spans="2:29" s="290" customFormat="1" ht="7.5" customHeight="1" x14ac:dyDescent="0.15">
      <c r="B49" s="296"/>
      <c r="C49" s="297"/>
      <c r="D49" s="297"/>
      <c r="E49" s="297"/>
      <c r="F49" s="298"/>
      <c r="G49" s="297"/>
      <c r="H49" s="297"/>
      <c r="I49" s="297"/>
      <c r="J49" s="297"/>
      <c r="K49" s="297"/>
      <c r="L49" s="297"/>
      <c r="M49" s="297"/>
      <c r="N49" s="297"/>
      <c r="O49" s="297"/>
      <c r="P49" s="297"/>
      <c r="Q49" s="297"/>
      <c r="R49" s="297"/>
      <c r="S49" s="297"/>
      <c r="T49" s="297"/>
      <c r="U49" s="297"/>
      <c r="V49" s="297"/>
      <c r="W49" s="297"/>
      <c r="X49" s="297"/>
      <c r="Y49" s="297"/>
      <c r="Z49" s="298"/>
      <c r="AA49" s="296"/>
      <c r="AB49" s="297"/>
      <c r="AC49" s="298"/>
    </row>
    <row r="50" spans="2:29" s="290" customFormat="1" x14ac:dyDescent="0.15">
      <c r="B50" s="295"/>
      <c r="F50" s="294"/>
      <c r="H50" s="259"/>
      <c r="I50" s="259"/>
      <c r="J50" s="259"/>
      <c r="K50" s="259"/>
      <c r="L50" s="259"/>
      <c r="M50" s="259"/>
      <c r="N50" s="259"/>
      <c r="O50" s="259"/>
      <c r="P50" s="259"/>
      <c r="Q50" s="259"/>
      <c r="R50" s="259"/>
      <c r="S50" s="259"/>
      <c r="T50" s="259"/>
      <c r="U50" s="259"/>
      <c r="V50" s="259"/>
      <c r="W50" s="259"/>
      <c r="X50" s="259"/>
      <c r="Y50" s="259"/>
      <c r="Z50" s="300"/>
      <c r="AA50" s="104" t="s">
        <v>94</v>
      </c>
      <c r="AB50" s="105" t="s">
        <v>95</v>
      </c>
      <c r="AC50" s="106" t="s">
        <v>96</v>
      </c>
    </row>
    <row r="51" spans="2:29" ht="36" customHeight="1" x14ac:dyDescent="0.15">
      <c r="B51" s="457" t="s">
        <v>1067</v>
      </c>
      <c r="C51" s="407"/>
      <c r="D51" s="407"/>
      <c r="E51" s="407"/>
      <c r="F51" s="458"/>
      <c r="G51" s="290"/>
      <c r="H51" s="331" t="s">
        <v>180</v>
      </c>
      <c r="I51" s="611" t="s">
        <v>204</v>
      </c>
      <c r="J51" s="612"/>
      <c r="K51" s="612"/>
      <c r="L51" s="612"/>
      <c r="M51" s="612"/>
      <c r="N51" s="612"/>
      <c r="O51" s="612"/>
      <c r="P51" s="612"/>
      <c r="Q51" s="612"/>
      <c r="R51" s="612"/>
      <c r="S51" s="612"/>
      <c r="T51" s="612"/>
      <c r="U51" s="612"/>
      <c r="V51" s="612"/>
      <c r="W51" s="612"/>
      <c r="X51" s="612"/>
      <c r="Y51" s="612"/>
      <c r="Z51" s="613"/>
      <c r="AA51" s="249" t="s">
        <v>0</v>
      </c>
      <c r="AB51" s="250" t="s">
        <v>95</v>
      </c>
      <c r="AC51" s="251" t="s">
        <v>0</v>
      </c>
    </row>
    <row r="52" spans="2:29" ht="36" customHeight="1" x14ac:dyDescent="0.15">
      <c r="B52" s="457"/>
      <c r="C52" s="407"/>
      <c r="D52" s="407"/>
      <c r="E52" s="407"/>
      <c r="F52" s="458"/>
      <c r="G52" s="290"/>
      <c r="H52" s="331" t="s">
        <v>182</v>
      </c>
      <c r="I52" s="611" t="s">
        <v>205</v>
      </c>
      <c r="J52" s="612"/>
      <c r="K52" s="612"/>
      <c r="L52" s="612"/>
      <c r="M52" s="612"/>
      <c r="N52" s="612"/>
      <c r="O52" s="612"/>
      <c r="P52" s="612"/>
      <c r="Q52" s="612"/>
      <c r="R52" s="612"/>
      <c r="S52" s="612"/>
      <c r="T52" s="612"/>
      <c r="U52" s="612"/>
      <c r="V52" s="612"/>
      <c r="W52" s="612"/>
      <c r="X52" s="612"/>
      <c r="Y52" s="612"/>
      <c r="Z52" s="613"/>
      <c r="AA52" s="249" t="s">
        <v>0</v>
      </c>
      <c r="AB52" s="250" t="s">
        <v>95</v>
      </c>
      <c r="AC52" s="251" t="s">
        <v>0</v>
      </c>
    </row>
    <row r="53" spans="2:29" s="14" customFormat="1" ht="7.5" customHeight="1" x14ac:dyDescent="0.15">
      <c r="B53" s="299"/>
      <c r="C53" s="259"/>
      <c r="D53" s="259"/>
      <c r="E53" s="259"/>
      <c r="F53" s="300"/>
      <c r="G53" s="259"/>
      <c r="H53" s="259"/>
      <c r="I53" s="259"/>
      <c r="J53" s="259"/>
      <c r="K53" s="259"/>
      <c r="L53" s="259"/>
      <c r="M53" s="259"/>
      <c r="N53" s="259"/>
      <c r="O53" s="259"/>
      <c r="P53" s="259"/>
      <c r="Q53" s="259"/>
      <c r="R53" s="259"/>
      <c r="S53" s="259"/>
      <c r="T53" s="259"/>
      <c r="U53" s="259"/>
      <c r="V53" s="259"/>
      <c r="W53" s="259"/>
      <c r="X53" s="259"/>
      <c r="Y53" s="259"/>
      <c r="Z53" s="287"/>
      <c r="AA53" s="299"/>
      <c r="AB53" s="259"/>
      <c r="AC53" s="300"/>
    </row>
    <row r="54" spans="2:29" s="14" customFormat="1" x14ac:dyDescent="0.15">
      <c r="B54" s="302"/>
      <c r="C54" s="3"/>
      <c r="D54" s="3"/>
      <c r="E54" s="3"/>
      <c r="F54" s="3"/>
      <c r="G54" s="3"/>
      <c r="H54" s="3"/>
      <c r="I54" s="3"/>
      <c r="J54" s="3"/>
      <c r="K54" s="3"/>
      <c r="L54" s="3"/>
      <c r="M54" s="3"/>
      <c r="N54" s="3"/>
      <c r="O54" s="3"/>
      <c r="P54" s="3"/>
      <c r="Q54" s="3"/>
      <c r="R54" s="3"/>
      <c r="S54" s="3"/>
      <c r="T54" s="3"/>
      <c r="U54" s="3"/>
      <c r="V54" s="3"/>
      <c r="W54" s="3"/>
      <c r="X54" s="3"/>
      <c r="Y54" s="3"/>
      <c r="Z54" s="3"/>
      <c r="AA54" s="57"/>
      <c r="AB54" s="3"/>
      <c r="AC54" s="3"/>
    </row>
    <row r="55" spans="2:29" s="14" customFormat="1" x14ac:dyDescent="0.15">
      <c r="B55" s="302"/>
      <c r="C55" s="3"/>
      <c r="D55" s="3"/>
      <c r="E55" s="3"/>
      <c r="F55" s="3"/>
      <c r="G55" s="3"/>
      <c r="H55" s="3"/>
      <c r="I55" s="3"/>
      <c r="J55" s="3"/>
      <c r="K55" s="3"/>
      <c r="L55" s="3"/>
      <c r="M55" s="3"/>
      <c r="N55" s="3"/>
      <c r="O55" s="3"/>
      <c r="P55" s="3"/>
      <c r="Q55" s="3"/>
      <c r="R55" s="3"/>
      <c r="S55" s="3"/>
      <c r="T55" s="3"/>
      <c r="U55" s="3"/>
      <c r="V55" s="3"/>
      <c r="W55" s="3"/>
      <c r="X55" s="3"/>
      <c r="Y55" s="3"/>
      <c r="Z55" s="3"/>
      <c r="AA55" s="3"/>
      <c r="AB55" s="3"/>
      <c r="AC55" s="3"/>
    </row>
    <row r="122" spans="3:7" x14ac:dyDescent="0.15">
      <c r="C122" s="59"/>
      <c r="D122" s="59"/>
      <c r="E122" s="59"/>
      <c r="F122" s="59"/>
      <c r="G122" s="59"/>
    </row>
    <row r="123" spans="3:7" x14ac:dyDescent="0.15">
      <c r="C123" s="57"/>
    </row>
  </sheetData>
  <mergeCells count="51">
    <mergeCell ref="B51:F52"/>
    <mergeCell ref="I51:Z51"/>
    <mergeCell ref="I52:Z52"/>
    <mergeCell ref="B43:F44"/>
    <mergeCell ref="I43:R43"/>
    <mergeCell ref="S43:T43"/>
    <mergeCell ref="I44:R44"/>
    <mergeCell ref="S44:T44"/>
    <mergeCell ref="W44:Y44"/>
    <mergeCell ref="W40:Y40"/>
    <mergeCell ref="B29:Z29"/>
    <mergeCell ref="B35:F36"/>
    <mergeCell ref="I35:R35"/>
    <mergeCell ref="S35:T35"/>
    <mergeCell ref="I36:R36"/>
    <mergeCell ref="S36:T36"/>
    <mergeCell ref="W36:Y36"/>
    <mergeCell ref="B39:F40"/>
    <mergeCell ref="I39:R39"/>
    <mergeCell ref="S39:T39"/>
    <mergeCell ref="I40:R40"/>
    <mergeCell ref="S40:T40"/>
    <mergeCell ref="AA26:AC26"/>
    <mergeCell ref="B20:F21"/>
    <mergeCell ref="I20:R20"/>
    <mergeCell ref="S20:T20"/>
    <mergeCell ref="I21:R21"/>
    <mergeCell ref="S21:T21"/>
    <mergeCell ref="W21:Y21"/>
    <mergeCell ref="B25:F25"/>
    <mergeCell ref="I25:R25"/>
    <mergeCell ref="S25:T25"/>
    <mergeCell ref="W25:Y25"/>
    <mergeCell ref="I26:L26"/>
    <mergeCell ref="W13:Y13"/>
    <mergeCell ref="B16:F17"/>
    <mergeCell ref="I16:R16"/>
    <mergeCell ref="S16:T16"/>
    <mergeCell ref="I17:R17"/>
    <mergeCell ref="S17:T17"/>
    <mergeCell ref="W17:Y17"/>
    <mergeCell ref="B12:F13"/>
    <mergeCell ref="I12:R12"/>
    <mergeCell ref="S12:T12"/>
    <mergeCell ref="I13:R13"/>
    <mergeCell ref="S13:T13"/>
    <mergeCell ref="B3:AC3"/>
    <mergeCell ref="B4:F4"/>
    <mergeCell ref="G4:AC4"/>
    <mergeCell ref="B5:F5"/>
    <mergeCell ref="B6:F7"/>
  </mergeCells>
  <phoneticPr fontId="1"/>
  <dataValidations count="1">
    <dataValidation type="list" allowBlank="1" showInputMessage="1" showErrorMessage="1" sqref="H5:H7 M5 R5 Q6:Q7 AA13 AC13 AA17 AC17 AA21 AC21 AA25 AC25 AA29 AC29 AA36 AC36 AA40 AC40 AA44 AC44 AA51:AA52 AC51:AC52">
      <formula1>"□,■"</formula1>
    </dataValidation>
  </dataValidations>
  <pageMargins left="0.7" right="0.7" top="0.75" bottom="0.75" header="0.3" footer="0.3"/>
  <pageSetup paperSize="9" scale="81" orientation="portrait" r:id="rId1"/>
  <rowBreaks count="1" manualBreakCount="1">
    <brk id="54" max="16383" man="1"/>
  </rowBreaks>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tabColor indexed="13"/>
  </sheetPr>
  <dimension ref="B1:AO130"/>
  <sheetViews>
    <sheetView zoomScaleNormal="100" workbookViewId="0"/>
  </sheetViews>
  <sheetFormatPr defaultRowHeight="13.5" x14ac:dyDescent="0.15"/>
  <cols>
    <col min="1" max="1" width="3.125" style="3" customWidth="1"/>
    <col min="2" max="2" width="4.25" style="3" customWidth="1"/>
    <col min="3" max="3" width="3.375" style="3" customWidth="1"/>
    <col min="4" max="4" width="0.5" style="3" customWidth="1"/>
    <col min="5" max="39" width="3.125" style="3" customWidth="1"/>
    <col min="40" max="40" width="9" style="14"/>
    <col min="41" max="16384" width="9" style="3"/>
  </cols>
  <sheetData>
    <row r="1" spans="2:40" s="2" customFormat="1" x14ac:dyDescent="0.15">
      <c r="AN1" s="1"/>
    </row>
    <row r="2" spans="2:40" s="2" customFormat="1" x14ac:dyDescent="0.15">
      <c r="B2" s="1" t="s">
        <v>896</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x14ac:dyDescent="0.15">
      <c r="Z3" s="652" t="s">
        <v>8</v>
      </c>
      <c r="AA3" s="495"/>
      <c r="AB3" s="495"/>
      <c r="AC3" s="495"/>
      <c r="AD3" s="573"/>
      <c r="AE3" s="398"/>
      <c r="AF3" s="399"/>
      <c r="AG3" s="399"/>
      <c r="AH3" s="399"/>
      <c r="AI3" s="399"/>
      <c r="AJ3" s="399"/>
      <c r="AK3" s="399"/>
      <c r="AL3" s="400"/>
      <c r="AM3" s="20"/>
      <c r="AN3" s="1"/>
    </row>
    <row r="4" spans="2:40" s="2" customFormat="1" x14ac:dyDescent="0.15">
      <c r="AN4" s="21"/>
    </row>
    <row r="5" spans="2:40" s="2" customFormat="1" x14ac:dyDescent="0.15">
      <c r="B5" s="392" t="s">
        <v>47</v>
      </c>
      <c r="C5" s="392"/>
      <c r="D5" s="392"/>
      <c r="E5" s="392"/>
      <c r="F5" s="392"/>
      <c r="G5" s="392"/>
      <c r="H5" s="392"/>
      <c r="I5" s="392"/>
      <c r="J5" s="392"/>
      <c r="K5" s="392"/>
      <c r="L5" s="392"/>
      <c r="M5" s="392"/>
      <c r="N5" s="392"/>
      <c r="O5" s="392"/>
      <c r="P5" s="392"/>
      <c r="Q5" s="392"/>
      <c r="R5" s="392"/>
      <c r="S5" s="392"/>
      <c r="T5" s="392"/>
      <c r="U5" s="392"/>
      <c r="V5" s="392"/>
      <c r="W5" s="392"/>
      <c r="X5" s="392"/>
      <c r="Y5" s="392"/>
      <c r="Z5" s="392"/>
      <c r="AA5" s="392"/>
      <c r="AB5" s="392"/>
      <c r="AC5" s="392"/>
      <c r="AD5" s="392"/>
      <c r="AE5" s="392"/>
      <c r="AF5" s="392"/>
      <c r="AG5" s="392"/>
      <c r="AH5" s="392"/>
      <c r="AI5" s="392"/>
      <c r="AJ5" s="392"/>
      <c r="AK5" s="392"/>
      <c r="AL5" s="392"/>
    </row>
    <row r="6" spans="2:40" s="2" customFormat="1" ht="13.5" customHeight="1" x14ac:dyDescent="0.15">
      <c r="AC6" s="1"/>
      <c r="AD6" s="45"/>
      <c r="AE6" s="45" t="s">
        <v>897</v>
      </c>
      <c r="AH6" s="2" t="s">
        <v>10</v>
      </c>
      <c r="AJ6" s="2" t="s">
        <v>498</v>
      </c>
      <c r="AL6" s="2" t="s">
        <v>12</v>
      </c>
    </row>
    <row r="7" spans="2:40" s="2" customFormat="1" x14ac:dyDescent="0.15">
      <c r="B7" s="392" t="s">
        <v>898</v>
      </c>
      <c r="C7" s="392"/>
      <c r="D7" s="392"/>
      <c r="E7" s="392"/>
      <c r="F7" s="392"/>
      <c r="G7" s="392"/>
      <c r="H7" s="392"/>
      <c r="I7" s="392"/>
      <c r="J7" s="392"/>
      <c r="K7" s="12"/>
      <c r="L7" s="12"/>
      <c r="M7" s="12"/>
      <c r="N7" s="12"/>
      <c r="O7" s="12"/>
      <c r="P7" s="12"/>
      <c r="Q7" s="12"/>
      <c r="R7" s="12"/>
      <c r="S7" s="12"/>
      <c r="T7" s="12"/>
    </row>
    <row r="8" spans="2:40" s="2" customFormat="1" x14ac:dyDescent="0.15">
      <c r="AC8" s="1" t="s">
        <v>48</v>
      </c>
    </row>
    <row r="9" spans="2:40" s="2" customFormat="1" x14ac:dyDescent="0.15">
      <c r="C9" s="1" t="s">
        <v>49</v>
      </c>
      <c r="D9" s="1"/>
    </row>
    <row r="10" spans="2:40" s="2" customFormat="1" ht="6.75" customHeight="1" x14ac:dyDescent="0.15">
      <c r="C10" s="1"/>
      <c r="D10" s="1"/>
    </row>
    <row r="11" spans="2:40" s="2" customFormat="1" ht="14.25" customHeight="1" x14ac:dyDescent="0.15">
      <c r="B11" s="664" t="s">
        <v>13</v>
      </c>
      <c r="C11" s="454" t="s">
        <v>14</v>
      </c>
      <c r="D11" s="455"/>
      <c r="E11" s="455"/>
      <c r="F11" s="455"/>
      <c r="G11" s="455"/>
      <c r="H11" s="455"/>
      <c r="I11" s="455"/>
      <c r="J11" s="455"/>
      <c r="K11" s="667"/>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x14ac:dyDescent="0.15">
      <c r="B12" s="665"/>
      <c r="C12" s="457" t="s">
        <v>15</v>
      </c>
      <c r="D12" s="407"/>
      <c r="E12" s="407"/>
      <c r="F12" s="407"/>
      <c r="G12" s="407"/>
      <c r="H12" s="407"/>
      <c r="I12" s="407"/>
      <c r="J12" s="407"/>
      <c r="K12" s="407"/>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x14ac:dyDescent="0.15">
      <c r="B13" s="665"/>
      <c r="C13" s="454" t="s">
        <v>768</v>
      </c>
      <c r="D13" s="455"/>
      <c r="E13" s="455"/>
      <c r="F13" s="455"/>
      <c r="G13" s="455"/>
      <c r="H13" s="455"/>
      <c r="I13" s="455"/>
      <c r="J13" s="455"/>
      <c r="K13" s="456"/>
      <c r="L13" s="668" t="s">
        <v>899</v>
      </c>
      <c r="M13" s="669"/>
      <c r="N13" s="669"/>
      <c r="O13" s="669"/>
      <c r="P13" s="669"/>
      <c r="Q13" s="669"/>
      <c r="R13" s="669"/>
      <c r="S13" s="669"/>
      <c r="T13" s="669"/>
      <c r="U13" s="669"/>
      <c r="V13" s="669"/>
      <c r="W13" s="669"/>
      <c r="X13" s="669"/>
      <c r="Y13" s="669"/>
      <c r="Z13" s="669"/>
      <c r="AA13" s="669"/>
      <c r="AB13" s="669"/>
      <c r="AC13" s="669"/>
      <c r="AD13" s="669"/>
      <c r="AE13" s="669"/>
      <c r="AF13" s="669"/>
      <c r="AG13" s="669"/>
      <c r="AH13" s="669"/>
      <c r="AI13" s="669"/>
      <c r="AJ13" s="669"/>
      <c r="AK13" s="669"/>
      <c r="AL13" s="670"/>
    </row>
    <row r="14" spans="2:40" s="2" customFormat="1" x14ac:dyDescent="0.15">
      <c r="B14" s="665"/>
      <c r="C14" s="457"/>
      <c r="D14" s="407"/>
      <c r="E14" s="407"/>
      <c r="F14" s="407"/>
      <c r="G14" s="407"/>
      <c r="H14" s="407"/>
      <c r="I14" s="407"/>
      <c r="J14" s="407"/>
      <c r="K14" s="458"/>
      <c r="L14" s="671" t="s">
        <v>900</v>
      </c>
      <c r="M14" s="672"/>
      <c r="N14" s="672"/>
      <c r="O14" s="672"/>
      <c r="P14" s="672"/>
      <c r="Q14" s="672"/>
      <c r="R14" s="672"/>
      <c r="S14" s="672"/>
      <c r="T14" s="672"/>
      <c r="U14" s="672"/>
      <c r="V14" s="672"/>
      <c r="W14" s="672"/>
      <c r="X14" s="672"/>
      <c r="Y14" s="672"/>
      <c r="Z14" s="672"/>
      <c r="AA14" s="672"/>
      <c r="AB14" s="672"/>
      <c r="AC14" s="672"/>
      <c r="AD14" s="672"/>
      <c r="AE14" s="672"/>
      <c r="AF14" s="672"/>
      <c r="AG14" s="672"/>
      <c r="AH14" s="672"/>
      <c r="AI14" s="672"/>
      <c r="AJ14" s="672"/>
      <c r="AK14" s="672"/>
      <c r="AL14" s="673"/>
    </row>
    <row r="15" spans="2:40" s="2" customFormat="1" x14ac:dyDescent="0.15">
      <c r="B15" s="665"/>
      <c r="C15" s="459"/>
      <c r="D15" s="397"/>
      <c r="E15" s="397"/>
      <c r="F15" s="397"/>
      <c r="G15" s="397"/>
      <c r="H15" s="397"/>
      <c r="I15" s="397"/>
      <c r="J15" s="397"/>
      <c r="K15" s="460"/>
      <c r="L15" s="674" t="s">
        <v>17</v>
      </c>
      <c r="M15" s="675"/>
      <c r="N15" s="675"/>
      <c r="O15" s="675"/>
      <c r="P15" s="675"/>
      <c r="Q15" s="675"/>
      <c r="R15" s="675"/>
      <c r="S15" s="675"/>
      <c r="T15" s="675"/>
      <c r="U15" s="675"/>
      <c r="V15" s="675"/>
      <c r="W15" s="675"/>
      <c r="X15" s="675"/>
      <c r="Y15" s="675"/>
      <c r="Z15" s="675"/>
      <c r="AA15" s="675"/>
      <c r="AB15" s="675"/>
      <c r="AC15" s="675"/>
      <c r="AD15" s="675"/>
      <c r="AE15" s="675"/>
      <c r="AF15" s="675"/>
      <c r="AG15" s="675"/>
      <c r="AH15" s="675"/>
      <c r="AI15" s="675"/>
      <c r="AJ15" s="675"/>
      <c r="AK15" s="675"/>
      <c r="AL15" s="676"/>
    </row>
    <row r="16" spans="2:40" s="2" customFormat="1" ht="14.25" customHeight="1" x14ac:dyDescent="0.15">
      <c r="B16" s="665"/>
      <c r="C16" s="520" t="s">
        <v>18</v>
      </c>
      <c r="D16" s="521"/>
      <c r="E16" s="521"/>
      <c r="F16" s="521"/>
      <c r="G16" s="521"/>
      <c r="H16" s="521"/>
      <c r="I16" s="521"/>
      <c r="J16" s="521"/>
      <c r="K16" s="522"/>
      <c r="L16" s="652" t="s">
        <v>19</v>
      </c>
      <c r="M16" s="495"/>
      <c r="N16" s="495"/>
      <c r="O16" s="495"/>
      <c r="P16" s="573"/>
      <c r="Q16" s="24"/>
      <c r="R16" s="25"/>
      <c r="S16" s="25"/>
      <c r="T16" s="25"/>
      <c r="U16" s="25"/>
      <c r="V16" s="25"/>
      <c r="W16" s="25"/>
      <c r="X16" s="25"/>
      <c r="Y16" s="26"/>
      <c r="Z16" s="441" t="s">
        <v>20</v>
      </c>
      <c r="AA16" s="442"/>
      <c r="AB16" s="442"/>
      <c r="AC16" s="442"/>
      <c r="AD16" s="443"/>
      <c r="AE16" s="28"/>
      <c r="AF16" s="32"/>
      <c r="AG16" s="22"/>
      <c r="AH16" s="22"/>
      <c r="AI16" s="22"/>
      <c r="AJ16" s="669"/>
      <c r="AK16" s="669"/>
      <c r="AL16" s="670"/>
    </row>
    <row r="17" spans="2:40" ht="14.25" customHeight="1" x14ac:dyDescent="0.15">
      <c r="B17" s="665"/>
      <c r="C17" s="682" t="s">
        <v>50</v>
      </c>
      <c r="D17" s="683"/>
      <c r="E17" s="683"/>
      <c r="F17" s="683"/>
      <c r="G17" s="683"/>
      <c r="H17" s="683"/>
      <c r="I17" s="683"/>
      <c r="J17" s="683"/>
      <c r="K17" s="684"/>
      <c r="L17" s="27"/>
      <c r="M17" s="27"/>
      <c r="N17" s="27"/>
      <c r="O17" s="27"/>
      <c r="P17" s="27"/>
      <c r="Q17" s="27"/>
      <c r="R17" s="27"/>
      <c r="S17" s="27"/>
      <c r="U17" s="652" t="s">
        <v>21</v>
      </c>
      <c r="V17" s="495"/>
      <c r="W17" s="495"/>
      <c r="X17" s="495"/>
      <c r="Y17" s="573"/>
      <c r="Z17" s="18"/>
      <c r="AA17" s="19"/>
      <c r="AB17" s="19"/>
      <c r="AC17" s="19"/>
      <c r="AD17" s="19"/>
      <c r="AE17" s="685"/>
      <c r="AF17" s="685"/>
      <c r="AG17" s="685"/>
      <c r="AH17" s="685"/>
      <c r="AI17" s="685"/>
      <c r="AJ17" s="685"/>
      <c r="AK17" s="685"/>
      <c r="AL17" s="17"/>
      <c r="AN17" s="3"/>
    </row>
    <row r="18" spans="2:40" ht="14.25" customHeight="1" x14ac:dyDescent="0.15">
      <c r="B18" s="665"/>
      <c r="C18" s="677" t="s">
        <v>51</v>
      </c>
      <c r="D18" s="677"/>
      <c r="E18" s="677"/>
      <c r="F18" s="677"/>
      <c r="G18" s="677"/>
      <c r="H18" s="678"/>
      <c r="I18" s="678"/>
      <c r="J18" s="678"/>
      <c r="K18" s="679"/>
      <c r="L18" s="652" t="s">
        <v>22</v>
      </c>
      <c r="M18" s="495"/>
      <c r="N18" s="495"/>
      <c r="O18" s="495"/>
      <c r="P18" s="573"/>
      <c r="Q18" s="29"/>
      <c r="R18" s="30"/>
      <c r="S18" s="30"/>
      <c r="T18" s="30"/>
      <c r="U18" s="30"/>
      <c r="V18" s="30"/>
      <c r="W18" s="30"/>
      <c r="X18" s="30"/>
      <c r="Y18" s="31"/>
      <c r="Z18" s="680" t="s">
        <v>23</v>
      </c>
      <c r="AA18" s="680"/>
      <c r="AB18" s="680"/>
      <c r="AC18" s="680"/>
      <c r="AD18" s="681"/>
      <c r="AE18" s="15"/>
      <c r="AF18" s="16"/>
      <c r="AG18" s="16"/>
      <c r="AH18" s="16"/>
      <c r="AI18" s="16"/>
      <c r="AJ18" s="16"/>
      <c r="AK18" s="16"/>
      <c r="AL18" s="17"/>
      <c r="AN18" s="3"/>
    </row>
    <row r="19" spans="2:40" ht="13.5" customHeight="1" x14ac:dyDescent="0.15">
      <c r="B19" s="665"/>
      <c r="C19" s="449" t="s">
        <v>24</v>
      </c>
      <c r="D19" s="449"/>
      <c r="E19" s="449"/>
      <c r="F19" s="449"/>
      <c r="G19" s="449"/>
      <c r="H19" s="693"/>
      <c r="I19" s="693"/>
      <c r="J19" s="693"/>
      <c r="K19" s="693"/>
      <c r="L19" s="668" t="s">
        <v>899</v>
      </c>
      <c r="M19" s="669"/>
      <c r="N19" s="669"/>
      <c r="O19" s="669"/>
      <c r="P19" s="669"/>
      <c r="Q19" s="669"/>
      <c r="R19" s="669"/>
      <c r="S19" s="669"/>
      <c r="T19" s="669"/>
      <c r="U19" s="669"/>
      <c r="V19" s="669"/>
      <c r="W19" s="669"/>
      <c r="X19" s="669"/>
      <c r="Y19" s="669"/>
      <c r="Z19" s="669"/>
      <c r="AA19" s="669"/>
      <c r="AB19" s="669"/>
      <c r="AC19" s="669"/>
      <c r="AD19" s="669"/>
      <c r="AE19" s="669"/>
      <c r="AF19" s="669"/>
      <c r="AG19" s="669"/>
      <c r="AH19" s="669"/>
      <c r="AI19" s="669"/>
      <c r="AJ19" s="669"/>
      <c r="AK19" s="669"/>
      <c r="AL19" s="670"/>
      <c r="AN19" s="3"/>
    </row>
    <row r="20" spans="2:40" ht="14.25" customHeight="1" x14ac:dyDescent="0.15">
      <c r="B20" s="665"/>
      <c r="C20" s="449"/>
      <c r="D20" s="449"/>
      <c r="E20" s="449"/>
      <c r="F20" s="449"/>
      <c r="G20" s="449"/>
      <c r="H20" s="693"/>
      <c r="I20" s="693"/>
      <c r="J20" s="693"/>
      <c r="K20" s="693"/>
      <c r="L20" s="671" t="s">
        <v>900</v>
      </c>
      <c r="M20" s="672"/>
      <c r="N20" s="672"/>
      <c r="O20" s="672"/>
      <c r="P20" s="672"/>
      <c r="Q20" s="672"/>
      <c r="R20" s="672"/>
      <c r="S20" s="672"/>
      <c r="T20" s="672"/>
      <c r="U20" s="672"/>
      <c r="V20" s="672"/>
      <c r="W20" s="672"/>
      <c r="X20" s="672"/>
      <c r="Y20" s="672"/>
      <c r="Z20" s="672"/>
      <c r="AA20" s="672"/>
      <c r="AB20" s="672"/>
      <c r="AC20" s="672"/>
      <c r="AD20" s="672"/>
      <c r="AE20" s="672"/>
      <c r="AF20" s="672"/>
      <c r="AG20" s="672"/>
      <c r="AH20" s="672"/>
      <c r="AI20" s="672"/>
      <c r="AJ20" s="672"/>
      <c r="AK20" s="672"/>
      <c r="AL20" s="673"/>
      <c r="AN20" s="3"/>
    </row>
    <row r="21" spans="2:40" x14ac:dyDescent="0.15">
      <c r="B21" s="666"/>
      <c r="C21" s="694"/>
      <c r="D21" s="694"/>
      <c r="E21" s="694"/>
      <c r="F21" s="694"/>
      <c r="G21" s="694"/>
      <c r="H21" s="695"/>
      <c r="I21" s="695"/>
      <c r="J21" s="695"/>
      <c r="K21" s="695"/>
      <c r="L21" s="689"/>
      <c r="M21" s="690"/>
      <c r="N21" s="690"/>
      <c r="O21" s="690"/>
      <c r="P21" s="690"/>
      <c r="Q21" s="690"/>
      <c r="R21" s="690"/>
      <c r="S21" s="690"/>
      <c r="T21" s="690"/>
      <c r="U21" s="690"/>
      <c r="V21" s="690"/>
      <c r="W21" s="690"/>
      <c r="X21" s="690"/>
      <c r="Y21" s="690"/>
      <c r="Z21" s="690"/>
      <c r="AA21" s="690"/>
      <c r="AB21" s="690"/>
      <c r="AC21" s="690"/>
      <c r="AD21" s="690"/>
      <c r="AE21" s="690"/>
      <c r="AF21" s="690"/>
      <c r="AG21" s="690"/>
      <c r="AH21" s="690"/>
      <c r="AI21" s="690"/>
      <c r="AJ21" s="690"/>
      <c r="AK21" s="690"/>
      <c r="AL21" s="691"/>
      <c r="AN21" s="3"/>
    </row>
    <row r="22" spans="2:40" ht="13.5" customHeight="1" x14ac:dyDescent="0.15">
      <c r="B22" s="686" t="s">
        <v>52</v>
      </c>
      <c r="C22" s="454" t="s">
        <v>53</v>
      </c>
      <c r="D22" s="455"/>
      <c r="E22" s="455"/>
      <c r="F22" s="455"/>
      <c r="G22" s="455"/>
      <c r="H22" s="455"/>
      <c r="I22" s="455"/>
      <c r="J22" s="455"/>
      <c r="K22" s="456"/>
      <c r="L22" s="668" t="s">
        <v>899</v>
      </c>
      <c r="M22" s="669"/>
      <c r="N22" s="669"/>
      <c r="O22" s="669"/>
      <c r="P22" s="669"/>
      <c r="Q22" s="669"/>
      <c r="R22" s="669"/>
      <c r="S22" s="669"/>
      <c r="T22" s="669"/>
      <c r="U22" s="669"/>
      <c r="V22" s="669"/>
      <c r="W22" s="669"/>
      <c r="X22" s="669"/>
      <c r="Y22" s="669"/>
      <c r="Z22" s="669"/>
      <c r="AA22" s="669"/>
      <c r="AB22" s="669"/>
      <c r="AC22" s="669"/>
      <c r="AD22" s="669"/>
      <c r="AE22" s="669"/>
      <c r="AF22" s="669"/>
      <c r="AG22" s="669"/>
      <c r="AH22" s="669"/>
      <c r="AI22" s="669"/>
      <c r="AJ22" s="669"/>
      <c r="AK22" s="669"/>
      <c r="AL22" s="670"/>
      <c r="AN22" s="3"/>
    </row>
    <row r="23" spans="2:40" ht="14.25" customHeight="1" x14ac:dyDescent="0.15">
      <c r="B23" s="687"/>
      <c r="C23" s="457"/>
      <c r="D23" s="407"/>
      <c r="E23" s="407"/>
      <c r="F23" s="407"/>
      <c r="G23" s="407"/>
      <c r="H23" s="407"/>
      <c r="I23" s="407"/>
      <c r="J23" s="407"/>
      <c r="K23" s="458"/>
      <c r="L23" s="671" t="s">
        <v>900</v>
      </c>
      <c r="M23" s="672"/>
      <c r="N23" s="672"/>
      <c r="O23" s="672"/>
      <c r="P23" s="672"/>
      <c r="Q23" s="672"/>
      <c r="R23" s="672"/>
      <c r="S23" s="672"/>
      <c r="T23" s="672"/>
      <c r="U23" s="672"/>
      <c r="V23" s="672"/>
      <c r="W23" s="672"/>
      <c r="X23" s="672"/>
      <c r="Y23" s="672"/>
      <c r="Z23" s="672"/>
      <c r="AA23" s="672"/>
      <c r="AB23" s="672"/>
      <c r="AC23" s="672"/>
      <c r="AD23" s="672"/>
      <c r="AE23" s="672"/>
      <c r="AF23" s="672"/>
      <c r="AG23" s="672"/>
      <c r="AH23" s="672"/>
      <c r="AI23" s="672"/>
      <c r="AJ23" s="672"/>
      <c r="AK23" s="672"/>
      <c r="AL23" s="673"/>
      <c r="AN23" s="3"/>
    </row>
    <row r="24" spans="2:40" x14ac:dyDescent="0.15">
      <c r="B24" s="687"/>
      <c r="C24" s="459"/>
      <c r="D24" s="397"/>
      <c r="E24" s="397"/>
      <c r="F24" s="397"/>
      <c r="G24" s="397"/>
      <c r="H24" s="397"/>
      <c r="I24" s="397"/>
      <c r="J24" s="397"/>
      <c r="K24" s="460"/>
      <c r="L24" s="689"/>
      <c r="M24" s="690"/>
      <c r="N24" s="690"/>
      <c r="O24" s="690"/>
      <c r="P24" s="690"/>
      <c r="Q24" s="690"/>
      <c r="R24" s="690"/>
      <c r="S24" s="690"/>
      <c r="T24" s="690"/>
      <c r="U24" s="690"/>
      <c r="V24" s="690"/>
      <c r="W24" s="690"/>
      <c r="X24" s="690"/>
      <c r="Y24" s="690"/>
      <c r="Z24" s="690"/>
      <c r="AA24" s="690"/>
      <c r="AB24" s="690"/>
      <c r="AC24" s="690"/>
      <c r="AD24" s="690"/>
      <c r="AE24" s="690"/>
      <c r="AF24" s="690"/>
      <c r="AG24" s="690"/>
      <c r="AH24" s="690"/>
      <c r="AI24" s="690"/>
      <c r="AJ24" s="690"/>
      <c r="AK24" s="690"/>
      <c r="AL24" s="691"/>
      <c r="AN24" s="3"/>
    </row>
    <row r="25" spans="2:40" ht="14.25" customHeight="1" x14ac:dyDescent="0.15">
      <c r="B25" s="687"/>
      <c r="C25" s="449" t="s">
        <v>18</v>
      </c>
      <c r="D25" s="449"/>
      <c r="E25" s="449"/>
      <c r="F25" s="449"/>
      <c r="G25" s="449"/>
      <c r="H25" s="449"/>
      <c r="I25" s="449"/>
      <c r="J25" s="449"/>
      <c r="K25" s="449"/>
      <c r="L25" s="652" t="s">
        <v>19</v>
      </c>
      <c r="M25" s="495"/>
      <c r="N25" s="495"/>
      <c r="O25" s="495"/>
      <c r="P25" s="573"/>
      <c r="Q25" s="24"/>
      <c r="R25" s="25"/>
      <c r="S25" s="25"/>
      <c r="T25" s="25"/>
      <c r="U25" s="25"/>
      <c r="V25" s="25"/>
      <c r="W25" s="25"/>
      <c r="X25" s="25"/>
      <c r="Y25" s="26"/>
      <c r="Z25" s="441" t="s">
        <v>20</v>
      </c>
      <c r="AA25" s="442"/>
      <c r="AB25" s="442"/>
      <c r="AC25" s="442"/>
      <c r="AD25" s="443"/>
      <c r="AE25" s="28"/>
      <c r="AF25" s="32"/>
      <c r="AG25" s="22"/>
      <c r="AH25" s="22"/>
      <c r="AI25" s="22"/>
      <c r="AJ25" s="669"/>
      <c r="AK25" s="669"/>
      <c r="AL25" s="670"/>
      <c r="AN25" s="3"/>
    </row>
    <row r="26" spans="2:40" ht="13.5" customHeight="1" x14ac:dyDescent="0.15">
      <c r="B26" s="687"/>
      <c r="C26" s="692" t="s">
        <v>54</v>
      </c>
      <c r="D26" s="692"/>
      <c r="E26" s="692"/>
      <c r="F26" s="692"/>
      <c r="G26" s="692"/>
      <c r="H26" s="692"/>
      <c r="I26" s="692"/>
      <c r="J26" s="692"/>
      <c r="K26" s="692"/>
      <c r="L26" s="668" t="s">
        <v>899</v>
      </c>
      <c r="M26" s="669"/>
      <c r="N26" s="669"/>
      <c r="O26" s="669"/>
      <c r="P26" s="669"/>
      <c r="Q26" s="669"/>
      <c r="R26" s="669"/>
      <c r="S26" s="669"/>
      <c r="T26" s="669"/>
      <c r="U26" s="669"/>
      <c r="V26" s="669"/>
      <c r="W26" s="669"/>
      <c r="X26" s="669"/>
      <c r="Y26" s="669"/>
      <c r="Z26" s="669"/>
      <c r="AA26" s="669"/>
      <c r="AB26" s="669"/>
      <c r="AC26" s="669"/>
      <c r="AD26" s="669"/>
      <c r="AE26" s="669"/>
      <c r="AF26" s="669"/>
      <c r="AG26" s="669"/>
      <c r="AH26" s="669"/>
      <c r="AI26" s="669"/>
      <c r="AJ26" s="669"/>
      <c r="AK26" s="669"/>
      <c r="AL26" s="670"/>
      <c r="AN26" s="3"/>
    </row>
    <row r="27" spans="2:40" ht="14.25" customHeight="1" x14ac:dyDescent="0.15">
      <c r="B27" s="687"/>
      <c r="C27" s="692"/>
      <c r="D27" s="692"/>
      <c r="E27" s="692"/>
      <c r="F27" s="692"/>
      <c r="G27" s="692"/>
      <c r="H27" s="692"/>
      <c r="I27" s="692"/>
      <c r="J27" s="692"/>
      <c r="K27" s="692"/>
      <c r="L27" s="671" t="s">
        <v>900</v>
      </c>
      <c r="M27" s="672"/>
      <c r="N27" s="672"/>
      <c r="O27" s="672"/>
      <c r="P27" s="672"/>
      <c r="Q27" s="672"/>
      <c r="R27" s="672"/>
      <c r="S27" s="672"/>
      <c r="T27" s="672"/>
      <c r="U27" s="672"/>
      <c r="V27" s="672"/>
      <c r="W27" s="672"/>
      <c r="X27" s="672"/>
      <c r="Y27" s="672"/>
      <c r="Z27" s="672"/>
      <c r="AA27" s="672"/>
      <c r="AB27" s="672"/>
      <c r="AC27" s="672"/>
      <c r="AD27" s="672"/>
      <c r="AE27" s="672"/>
      <c r="AF27" s="672"/>
      <c r="AG27" s="672"/>
      <c r="AH27" s="672"/>
      <c r="AI27" s="672"/>
      <c r="AJ27" s="672"/>
      <c r="AK27" s="672"/>
      <c r="AL27" s="673"/>
      <c r="AN27" s="3"/>
    </row>
    <row r="28" spans="2:40" x14ac:dyDescent="0.15">
      <c r="B28" s="687"/>
      <c r="C28" s="692"/>
      <c r="D28" s="692"/>
      <c r="E28" s="692"/>
      <c r="F28" s="692"/>
      <c r="G28" s="692"/>
      <c r="H28" s="692"/>
      <c r="I28" s="692"/>
      <c r="J28" s="692"/>
      <c r="K28" s="692"/>
      <c r="L28" s="689"/>
      <c r="M28" s="690"/>
      <c r="N28" s="690"/>
      <c r="O28" s="690"/>
      <c r="P28" s="690"/>
      <c r="Q28" s="690"/>
      <c r="R28" s="690"/>
      <c r="S28" s="690"/>
      <c r="T28" s="690"/>
      <c r="U28" s="690"/>
      <c r="V28" s="690"/>
      <c r="W28" s="690"/>
      <c r="X28" s="690"/>
      <c r="Y28" s="690"/>
      <c r="Z28" s="690"/>
      <c r="AA28" s="690"/>
      <c r="AB28" s="690"/>
      <c r="AC28" s="690"/>
      <c r="AD28" s="690"/>
      <c r="AE28" s="690"/>
      <c r="AF28" s="690"/>
      <c r="AG28" s="690"/>
      <c r="AH28" s="690"/>
      <c r="AI28" s="690"/>
      <c r="AJ28" s="690"/>
      <c r="AK28" s="690"/>
      <c r="AL28" s="691"/>
      <c r="AN28" s="3"/>
    </row>
    <row r="29" spans="2:40" ht="14.25" customHeight="1" x14ac:dyDescent="0.15">
      <c r="B29" s="687"/>
      <c r="C29" s="449" t="s">
        <v>18</v>
      </c>
      <c r="D29" s="449"/>
      <c r="E29" s="449"/>
      <c r="F29" s="449"/>
      <c r="G29" s="449"/>
      <c r="H29" s="449"/>
      <c r="I29" s="449"/>
      <c r="J29" s="449"/>
      <c r="K29" s="449"/>
      <c r="L29" s="652" t="s">
        <v>19</v>
      </c>
      <c r="M29" s="495"/>
      <c r="N29" s="495"/>
      <c r="O29" s="495"/>
      <c r="P29" s="573"/>
      <c r="Q29" s="28"/>
      <c r="R29" s="32"/>
      <c r="S29" s="32"/>
      <c r="T29" s="32"/>
      <c r="U29" s="32"/>
      <c r="V29" s="32"/>
      <c r="W29" s="32"/>
      <c r="X29" s="32"/>
      <c r="Y29" s="33"/>
      <c r="Z29" s="441" t="s">
        <v>20</v>
      </c>
      <c r="AA29" s="442"/>
      <c r="AB29" s="442"/>
      <c r="AC29" s="442"/>
      <c r="AD29" s="443"/>
      <c r="AE29" s="28"/>
      <c r="AF29" s="32"/>
      <c r="AG29" s="22"/>
      <c r="AH29" s="22"/>
      <c r="AI29" s="22"/>
      <c r="AJ29" s="669"/>
      <c r="AK29" s="669"/>
      <c r="AL29" s="670"/>
      <c r="AN29" s="3"/>
    </row>
    <row r="30" spans="2:40" ht="14.25" customHeight="1" x14ac:dyDescent="0.15">
      <c r="B30" s="687"/>
      <c r="C30" s="449" t="s">
        <v>25</v>
      </c>
      <c r="D30" s="449"/>
      <c r="E30" s="449"/>
      <c r="F30" s="449"/>
      <c r="G30" s="449"/>
      <c r="H30" s="449"/>
      <c r="I30" s="449"/>
      <c r="J30" s="449"/>
      <c r="K30" s="449"/>
      <c r="L30" s="696"/>
      <c r="M30" s="696"/>
      <c r="N30" s="696"/>
      <c r="O30" s="696"/>
      <c r="P30" s="696"/>
      <c r="Q30" s="696"/>
      <c r="R30" s="696"/>
      <c r="S30" s="696"/>
      <c r="T30" s="696"/>
      <c r="U30" s="696"/>
      <c r="V30" s="696"/>
      <c r="W30" s="696"/>
      <c r="X30" s="696"/>
      <c r="Y30" s="696"/>
      <c r="Z30" s="696"/>
      <c r="AA30" s="696"/>
      <c r="AB30" s="696"/>
      <c r="AC30" s="696"/>
      <c r="AD30" s="696"/>
      <c r="AE30" s="696"/>
      <c r="AF30" s="696"/>
      <c r="AG30" s="696"/>
      <c r="AH30" s="696"/>
      <c r="AI30" s="696"/>
      <c r="AJ30" s="696"/>
      <c r="AK30" s="696"/>
      <c r="AL30" s="696"/>
      <c r="AN30" s="3"/>
    </row>
    <row r="31" spans="2:40" ht="13.5" customHeight="1" x14ac:dyDescent="0.15">
      <c r="B31" s="687"/>
      <c r="C31" s="449" t="s">
        <v>26</v>
      </c>
      <c r="D31" s="449"/>
      <c r="E31" s="449"/>
      <c r="F31" s="449"/>
      <c r="G31" s="449"/>
      <c r="H31" s="449"/>
      <c r="I31" s="449"/>
      <c r="J31" s="449"/>
      <c r="K31" s="449"/>
      <c r="L31" s="668" t="s">
        <v>899</v>
      </c>
      <c r="M31" s="669"/>
      <c r="N31" s="669"/>
      <c r="O31" s="669"/>
      <c r="P31" s="669"/>
      <c r="Q31" s="669"/>
      <c r="R31" s="669"/>
      <c r="S31" s="669"/>
      <c r="T31" s="669"/>
      <c r="U31" s="669"/>
      <c r="V31" s="669"/>
      <c r="W31" s="669"/>
      <c r="X31" s="669"/>
      <c r="Y31" s="669"/>
      <c r="Z31" s="669"/>
      <c r="AA31" s="669"/>
      <c r="AB31" s="669"/>
      <c r="AC31" s="669"/>
      <c r="AD31" s="669"/>
      <c r="AE31" s="669"/>
      <c r="AF31" s="669"/>
      <c r="AG31" s="669"/>
      <c r="AH31" s="669"/>
      <c r="AI31" s="669"/>
      <c r="AJ31" s="669"/>
      <c r="AK31" s="669"/>
      <c r="AL31" s="670"/>
      <c r="AN31" s="3"/>
    </row>
    <row r="32" spans="2:40" ht="14.25" customHeight="1" x14ac:dyDescent="0.15">
      <c r="B32" s="687"/>
      <c r="C32" s="449"/>
      <c r="D32" s="449"/>
      <c r="E32" s="449"/>
      <c r="F32" s="449"/>
      <c r="G32" s="449"/>
      <c r="H32" s="449"/>
      <c r="I32" s="449"/>
      <c r="J32" s="449"/>
      <c r="K32" s="449"/>
      <c r="L32" s="671" t="s">
        <v>900</v>
      </c>
      <c r="M32" s="672"/>
      <c r="N32" s="672"/>
      <c r="O32" s="672"/>
      <c r="P32" s="672"/>
      <c r="Q32" s="672"/>
      <c r="R32" s="672"/>
      <c r="S32" s="672"/>
      <c r="T32" s="672"/>
      <c r="U32" s="672"/>
      <c r="V32" s="672"/>
      <c r="W32" s="672"/>
      <c r="X32" s="672"/>
      <c r="Y32" s="672"/>
      <c r="Z32" s="672"/>
      <c r="AA32" s="672"/>
      <c r="AB32" s="672"/>
      <c r="AC32" s="672"/>
      <c r="AD32" s="672"/>
      <c r="AE32" s="672"/>
      <c r="AF32" s="672"/>
      <c r="AG32" s="672"/>
      <c r="AH32" s="672"/>
      <c r="AI32" s="672"/>
      <c r="AJ32" s="672"/>
      <c r="AK32" s="672"/>
      <c r="AL32" s="673"/>
      <c r="AN32" s="3"/>
    </row>
    <row r="33" spans="2:40" x14ac:dyDescent="0.15">
      <c r="B33" s="688"/>
      <c r="C33" s="449"/>
      <c r="D33" s="449"/>
      <c r="E33" s="449"/>
      <c r="F33" s="449"/>
      <c r="G33" s="449"/>
      <c r="H33" s="449"/>
      <c r="I33" s="449"/>
      <c r="J33" s="449"/>
      <c r="K33" s="449"/>
      <c r="L33" s="689"/>
      <c r="M33" s="690"/>
      <c r="N33" s="675"/>
      <c r="O33" s="675"/>
      <c r="P33" s="675"/>
      <c r="Q33" s="675"/>
      <c r="R33" s="675"/>
      <c r="S33" s="675"/>
      <c r="T33" s="675"/>
      <c r="U33" s="675"/>
      <c r="V33" s="675"/>
      <c r="W33" s="675"/>
      <c r="X33" s="675"/>
      <c r="Y33" s="675"/>
      <c r="Z33" s="675"/>
      <c r="AA33" s="675"/>
      <c r="AB33" s="675"/>
      <c r="AC33" s="690"/>
      <c r="AD33" s="690"/>
      <c r="AE33" s="690"/>
      <c r="AF33" s="690"/>
      <c r="AG33" s="690"/>
      <c r="AH33" s="675"/>
      <c r="AI33" s="675"/>
      <c r="AJ33" s="675"/>
      <c r="AK33" s="675"/>
      <c r="AL33" s="676"/>
      <c r="AN33" s="3"/>
    </row>
    <row r="34" spans="2:40" ht="13.5" customHeight="1" x14ac:dyDescent="0.15">
      <c r="B34" s="686" t="s">
        <v>55</v>
      </c>
      <c r="C34" s="721" t="s">
        <v>27</v>
      </c>
      <c r="D34" s="641"/>
      <c r="E34" s="641"/>
      <c r="F34" s="641"/>
      <c r="G34" s="641"/>
      <c r="H34" s="641"/>
      <c r="I34" s="641"/>
      <c r="J34" s="641"/>
      <c r="K34" s="641"/>
      <c r="L34" s="641"/>
      <c r="M34" s="711" t="s">
        <v>28</v>
      </c>
      <c r="N34" s="712"/>
      <c r="O34" s="53" t="s">
        <v>56</v>
      </c>
      <c r="P34" s="49"/>
      <c r="Q34" s="50"/>
      <c r="R34" s="401" t="s">
        <v>29</v>
      </c>
      <c r="S34" s="402"/>
      <c r="T34" s="402"/>
      <c r="U34" s="402"/>
      <c r="V34" s="402"/>
      <c r="W34" s="402"/>
      <c r="X34" s="403"/>
      <c r="Y34" s="715" t="s">
        <v>30</v>
      </c>
      <c r="Z34" s="716"/>
      <c r="AA34" s="716"/>
      <c r="AB34" s="717"/>
      <c r="AC34" s="718" t="s">
        <v>31</v>
      </c>
      <c r="AD34" s="719"/>
      <c r="AE34" s="719"/>
      <c r="AF34" s="719"/>
      <c r="AG34" s="720"/>
      <c r="AH34" s="697" t="s">
        <v>57</v>
      </c>
      <c r="AI34" s="698"/>
      <c r="AJ34" s="698"/>
      <c r="AK34" s="698"/>
      <c r="AL34" s="699"/>
      <c r="AN34" s="3"/>
    </row>
    <row r="35" spans="2:40" ht="14.25" customHeight="1" x14ac:dyDescent="0.15">
      <c r="B35" s="687"/>
      <c r="C35" s="722"/>
      <c r="D35" s="610"/>
      <c r="E35" s="610"/>
      <c r="F35" s="610"/>
      <c r="G35" s="610"/>
      <c r="H35" s="610"/>
      <c r="I35" s="610"/>
      <c r="J35" s="610"/>
      <c r="K35" s="610"/>
      <c r="L35" s="610"/>
      <c r="M35" s="713"/>
      <c r="N35" s="714"/>
      <c r="O35" s="54" t="s">
        <v>58</v>
      </c>
      <c r="P35" s="51"/>
      <c r="Q35" s="52"/>
      <c r="R35" s="404"/>
      <c r="S35" s="405"/>
      <c r="T35" s="405"/>
      <c r="U35" s="405"/>
      <c r="V35" s="405"/>
      <c r="W35" s="405"/>
      <c r="X35" s="406"/>
      <c r="Y35" s="55" t="s">
        <v>32</v>
      </c>
      <c r="Z35" s="14"/>
      <c r="AA35" s="14"/>
      <c r="AB35" s="14"/>
      <c r="AC35" s="700" t="s">
        <v>33</v>
      </c>
      <c r="AD35" s="701"/>
      <c r="AE35" s="701"/>
      <c r="AF35" s="701"/>
      <c r="AG35" s="702"/>
      <c r="AH35" s="703" t="s">
        <v>59</v>
      </c>
      <c r="AI35" s="704"/>
      <c r="AJ35" s="704"/>
      <c r="AK35" s="704"/>
      <c r="AL35" s="705"/>
      <c r="AN35" s="3"/>
    </row>
    <row r="36" spans="2:40" ht="14.25" customHeight="1" x14ac:dyDescent="0.15">
      <c r="B36" s="687"/>
      <c r="C36" s="665"/>
      <c r="D36" s="68"/>
      <c r="E36" s="524" t="s">
        <v>1</v>
      </c>
      <c r="F36" s="524"/>
      <c r="G36" s="524"/>
      <c r="H36" s="524"/>
      <c r="I36" s="524"/>
      <c r="J36" s="524"/>
      <c r="K36" s="524"/>
      <c r="L36" s="706"/>
      <c r="M36" s="37"/>
      <c r="N36" s="36"/>
      <c r="O36" s="18"/>
      <c r="P36" s="19"/>
      <c r="Q36" s="36"/>
      <c r="R36" s="11" t="s">
        <v>901</v>
      </c>
      <c r="S36" s="5"/>
      <c r="T36" s="5"/>
      <c r="U36" s="5"/>
      <c r="V36" s="5"/>
      <c r="W36" s="5"/>
      <c r="X36" s="5"/>
      <c r="Y36" s="9"/>
      <c r="Z36" s="30"/>
      <c r="AA36" s="30"/>
      <c r="AB36" s="30"/>
      <c r="AC36" s="15"/>
      <c r="AD36" s="16"/>
      <c r="AE36" s="16"/>
      <c r="AF36" s="16"/>
      <c r="AG36" s="17"/>
      <c r="AH36" s="15"/>
      <c r="AI36" s="16"/>
      <c r="AJ36" s="16"/>
      <c r="AK36" s="16"/>
      <c r="AL36" s="17" t="s">
        <v>60</v>
      </c>
      <c r="AN36" s="3"/>
    </row>
    <row r="37" spans="2:40" ht="14.25" customHeight="1" x14ac:dyDescent="0.15">
      <c r="B37" s="687"/>
      <c r="C37" s="665"/>
      <c r="D37" s="68"/>
      <c r="E37" s="524" t="s">
        <v>34</v>
      </c>
      <c r="F37" s="707"/>
      <c r="G37" s="707"/>
      <c r="H37" s="707"/>
      <c r="I37" s="707"/>
      <c r="J37" s="707"/>
      <c r="K37" s="707"/>
      <c r="L37" s="708"/>
      <c r="M37" s="37"/>
      <c r="N37" s="36"/>
      <c r="O37" s="18"/>
      <c r="P37" s="19"/>
      <c r="Q37" s="36"/>
      <c r="R37" s="11" t="s">
        <v>901</v>
      </c>
      <c r="S37" s="5"/>
      <c r="T37" s="5"/>
      <c r="U37" s="5"/>
      <c r="V37" s="5"/>
      <c r="W37" s="5"/>
      <c r="X37" s="5"/>
      <c r="Y37" s="9"/>
      <c r="Z37" s="30"/>
      <c r="AA37" s="30"/>
      <c r="AB37" s="30"/>
      <c r="AC37" s="15"/>
      <c r="AD37" s="16"/>
      <c r="AE37" s="16"/>
      <c r="AF37" s="16"/>
      <c r="AG37" s="17"/>
      <c r="AH37" s="15"/>
      <c r="AI37" s="16"/>
      <c r="AJ37" s="16"/>
      <c r="AK37" s="16"/>
      <c r="AL37" s="17" t="s">
        <v>60</v>
      </c>
      <c r="AN37" s="3"/>
    </row>
    <row r="38" spans="2:40" ht="14.25" customHeight="1" x14ac:dyDescent="0.15">
      <c r="B38" s="687"/>
      <c r="C38" s="665"/>
      <c r="D38" s="68"/>
      <c r="E38" s="524" t="s">
        <v>2</v>
      </c>
      <c r="F38" s="707"/>
      <c r="G38" s="707"/>
      <c r="H38" s="707"/>
      <c r="I38" s="707"/>
      <c r="J38" s="707"/>
      <c r="K38" s="707"/>
      <c r="L38" s="708"/>
      <c r="M38" s="37"/>
      <c r="N38" s="36"/>
      <c r="O38" s="18"/>
      <c r="P38" s="19"/>
      <c r="Q38" s="36"/>
      <c r="R38" s="11" t="s">
        <v>901</v>
      </c>
      <c r="S38" s="5"/>
      <c r="T38" s="5"/>
      <c r="U38" s="5"/>
      <c r="V38" s="5"/>
      <c r="W38" s="5"/>
      <c r="X38" s="5"/>
      <c r="Y38" s="9"/>
      <c r="Z38" s="30"/>
      <c r="AA38" s="30"/>
      <c r="AB38" s="30"/>
      <c r="AC38" s="15"/>
      <c r="AD38" s="16"/>
      <c r="AE38" s="16"/>
      <c r="AF38" s="16"/>
      <c r="AG38" s="17"/>
      <c r="AH38" s="15"/>
      <c r="AI38" s="16"/>
      <c r="AJ38" s="16"/>
      <c r="AK38" s="16"/>
      <c r="AL38" s="17" t="s">
        <v>60</v>
      </c>
      <c r="AN38" s="3"/>
    </row>
    <row r="39" spans="2:40" ht="14.25" customHeight="1" x14ac:dyDescent="0.15">
      <c r="B39" s="687"/>
      <c r="C39" s="665"/>
      <c r="D39" s="68"/>
      <c r="E39" s="524" t="s">
        <v>35</v>
      </c>
      <c r="F39" s="707"/>
      <c r="G39" s="707"/>
      <c r="H39" s="707"/>
      <c r="I39" s="707"/>
      <c r="J39" s="707"/>
      <c r="K39" s="707"/>
      <c r="L39" s="708"/>
      <c r="M39" s="37"/>
      <c r="N39" s="36"/>
      <c r="O39" s="18"/>
      <c r="P39" s="19"/>
      <c r="Q39" s="36"/>
      <c r="R39" s="11" t="s">
        <v>901</v>
      </c>
      <c r="S39" s="5"/>
      <c r="T39" s="5"/>
      <c r="U39" s="5"/>
      <c r="V39" s="5"/>
      <c r="W39" s="5"/>
      <c r="X39" s="5"/>
      <c r="Y39" s="9"/>
      <c r="Z39" s="30"/>
      <c r="AA39" s="30"/>
      <c r="AB39" s="30"/>
      <c r="AC39" s="15"/>
      <c r="AD39" s="16"/>
      <c r="AE39" s="16"/>
      <c r="AF39" s="16"/>
      <c r="AG39" s="17"/>
      <c r="AH39" s="15"/>
      <c r="AI39" s="16"/>
      <c r="AJ39" s="16"/>
      <c r="AK39" s="16"/>
      <c r="AL39" s="17" t="s">
        <v>60</v>
      </c>
      <c r="AN39" s="3"/>
    </row>
    <row r="40" spans="2:40" ht="14.25" customHeight="1" x14ac:dyDescent="0.15">
      <c r="B40" s="687"/>
      <c r="C40" s="665"/>
      <c r="D40" s="68"/>
      <c r="E40" s="524" t="s">
        <v>3</v>
      </c>
      <c r="F40" s="707"/>
      <c r="G40" s="707"/>
      <c r="H40" s="707"/>
      <c r="I40" s="707"/>
      <c r="J40" s="707"/>
      <c r="K40" s="707"/>
      <c r="L40" s="708"/>
      <c r="M40" s="37"/>
      <c r="N40" s="36"/>
      <c r="O40" s="18"/>
      <c r="P40" s="19"/>
      <c r="Q40" s="36"/>
      <c r="R40" s="11" t="s">
        <v>901</v>
      </c>
      <c r="S40" s="5"/>
      <c r="T40" s="5"/>
      <c r="U40" s="5"/>
      <c r="V40" s="5"/>
      <c r="W40" s="5"/>
      <c r="X40" s="5"/>
      <c r="Y40" s="9"/>
      <c r="Z40" s="30"/>
      <c r="AA40" s="30"/>
      <c r="AB40" s="30"/>
      <c r="AC40" s="15"/>
      <c r="AD40" s="16"/>
      <c r="AE40" s="16"/>
      <c r="AF40" s="16"/>
      <c r="AG40" s="17"/>
      <c r="AH40" s="15"/>
      <c r="AI40" s="16"/>
      <c r="AJ40" s="16"/>
      <c r="AK40" s="16"/>
      <c r="AL40" s="17" t="s">
        <v>60</v>
      </c>
      <c r="AN40" s="3"/>
    </row>
    <row r="41" spans="2:40" ht="14.25" customHeight="1" thickBot="1" x14ac:dyDescent="0.2">
      <c r="B41" s="687"/>
      <c r="C41" s="665"/>
      <c r="D41" s="69"/>
      <c r="E41" s="410" t="s">
        <v>61</v>
      </c>
      <c r="F41" s="709"/>
      <c r="G41" s="709"/>
      <c r="H41" s="709"/>
      <c r="I41" s="709"/>
      <c r="J41" s="709"/>
      <c r="K41" s="709"/>
      <c r="L41" s="710"/>
      <c r="M41" s="70"/>
      <c r="N41" s="35"/>
      <c r="O41" s="79"/>
      <c r="P41" s="34"/>
      <c r="Q41" s="35"/>
      <c r="R41" s="4" t="s">
        <v>901</v>
      </c>
      <c r="S41" s="80"/>
      <c r="T41" s="80"/>
      <c r="U41" s="80"/>
      <c r="V41" s="80"/>
      <c r="W41" s="80"/>
      <c r="X41" s="80"/>
      <c r="Y41" s="6"/>
      <c r="Z41" s="66"/>
      <c r="AA41" s="66"/>
      <c r="AB41" s="66"/>
      <c r="AC41" s="56"/>
      <c r="AD41" s="57"/>
      <c r="AE41" s="57"/>
      <c r="AF41" s="57"/>
      <c r="AG41" s="58"/>
      <c r="AH41" s="56"/>
      <c r="AI41" s="57"/>
      <c r="AJ41" s="57"/>
      <c r="AK41" s="57"/>
      <c r="AL41" s="58" t="s">
        <v>60</v>
      </c>
      <c r="AN41" s="3"/>
    </row>
    <row r="42" spans="2:40" ht="14.25" customHeight="1" thickTop="1" x14ac:dyDescent="0.15">
      <c r="B42" s="687"/>
      <c r="C42" s="665"/>
      <c r="D42" s="71"/>
      <c r="E42" s="723" t="s">
        <v>902</v>
      </c>
      <c r="F42" s="723"/>
      <c r="G42" s="723"/>
      <c r="H42" s="723"/>
      <c r="I42" s="723"/>
      <c r="J42" s="723"/>
      <c r="K42" s="723"/>
      <c r="L42" s="724"/>
      <c r="M42" s="72"/>
      <c r="N42" s="74"/>
      <c r="O42" s="81"/>
      <c r="P42" s="73"/>
      <c r="Q42" s="74"/>
      <c r="R42" s="82" t="s">
        <v>901</v>
      </c>
      <c r="S42" s="83"/>
      <c r="T42" s="83"/>
      <c r="U42" s="83"/>
      <c r="V42" s="83"/>
      <c r="W42" s="83"/>
      <c r="X42" s="83"/>
      <c r="Y42" s="75"/>
      <c r="Z42" s="76"/>
      <c r="AA42" s="76"/>
      <c r="AB42" s="76"/>
      <c r="AC42" s="84"/>
      <c r="AD42" s="77"/>
      <c r="AE42" s="77"/>
      <c r="AF42" s="77"/>
      <c r="AG42" s="78"/>
      <c r="AH42" s="84"/>
      <c r="AI42" s="77"/>
      <c r="AJ42" s="77"/>
      <c r="AK42" s="77"/>
      <c r="AL42" s="78" t="s">
        <v>60</v>
      </c>
      <c r="AN42" s="3"/>
    </row>
    <row r="43" spans="2:40" ht="14.25" customHeight="1" x14ac:dyDescent="0.15">
      <c r="B43" s="687"/>
      <c r="C43" s="665"/>
      <c r="D43" s="68"/>
      <c r="E43" s="524" t="s">
        <v>5</v>
      </c>
      <c r="F43" s="707"/>
      <c r="G43" s="707"/>
      <c r="H43" s="707"/>
      <c r="I43" s="707"/>
      <c r="J43" s="707"/>
      <c r="K43" s="707"/>
      <c r="L43" s="708"/>
      <c r="M43" s="37"/>
      <c r="N43" s="36"/>
      <c r="O43" s="18"/>
      <c r="P43" s="19"/>
      <c r="Q43" s="36"/>
      <c r="R43" s="11" t="s">
        <v>901</v>
      </c>
      <c r="S43" s="5"/>
      <c r="T43" s="5"/>
      <c r="U43" s="5"/>
      <c r="V43" s="5"/>
      <c r="W43" s="5"/>
      <c r="X43" s="5"/>
      <c r="Y43" s="9"/>
      <c r="Z43" s="30"/>
      <c r="AA43" s="30"/>
      <c r="AB43" s="30"/>
      <c r="AC43" s="15"/>
      <c r="AD43" s="16"/>
      <c r="AE43" s="16"/>
      <c r="AF43" s="16"/>
      <c r="AG43" s="17"/>
      <c r="AH43" s="15"/>
      <c r="AI43" s="16"/>
      <c r="AJ43" s="16"/>
      <c r="AK43" s="16"/>
      <c r="AL43" s="17" t="s">
        <v>60</v>
      </c>
      <c r="AN43" s="3"/>
    </row>
    <row r="44" spans="2:40" ht="14.25" customHeight="1" x14ac:dyDescent="0.15">
      <c r="B44" s="687"/>
      <c r="C44" s="665"/>
      <c r="D44" s="68"/>
      <c r="E44" s="524" t="s">
        <v>903</v>
      </c>
      <c r="F44" s="707"/>
      <c r="G44" s="707"/>
      <c r="H44" s="707"/>
      <c r="I44" s="707"/>
      <c r="J44" s="707"/>
      <c r="K44" s="707"/>
      <c r="L44" s="708"/>
      <c r="M44" s="37"/>
      <c r="N44" s="36"/>
      <c r="O44" s="18"/>
      <c r="P44" s="19"/>
      <c r="Q44" s="36"/>
      <c r="R44" s="11" t="s">
        <v>901</v>
      </c>
      <c r="S44" s="5"/>
      <c r="T44" s="5"/>
      <c r="U44" s="5"/>
      <c r="V44" s="5"/>
      <c r="W44" s="5"/>
      <c r="X44" s="5"/>
      <c r="Y44" s="9"/>
      <c r="Z44" s="30"/>
      <c r="AA44" s="30"/>
      <c r="AB44" s="30"/>
      <c r="AC44" s="15"/>
      <c r="AD44" s="16"/>
      <c r="AE44" s="16"/>
      <c r="AF44" s="16"/>
      <c r="AG44" s="17"/>
      <c r="AH44" s="15"/>
      <c r="AI44" s="16"/>
      <c r="AJ44" s="16"/>
      <c r="AK44" s="16"/>
      <c r="AL44" s="17" t="s">
        <v>60</v>
      </c>
      <c r="AN44" s="3"/>
    </row>
    <row r="45" spans="2:40" ht="14.25" customHeight="1" x14ac:dyDescent="0.15">
      <c r="B45" s="687"/>
      <c r="C45" s="665"/>
      <c r="D45" s="68"/>
      <c r="E45" s="524" t="s">
        <v>6</v>
      </c>
      <c r="F45" s="707"/>
      <c r="G45" s="707"/>
      <c r="H45" s="707"/>
      <c r="I45" s="707"/>
      <c r="J45" s="707"/>
      <c r="K45" s="707"/>
      <c r="L45" s="708"/>
      <c r="M45" s="37"/>
      <c r="N45" s="36"/>
      <c r="O45" s="18"/>
      <c r="P45" s="19"/>
      <c r="Q45" s="36"/>
      <c r="R45" s="11" t="s">
        <v>901</v>
      </c>
      <c r="S45" s="5"/>
      <c r="T45" s="5"/>
      <c r="U45" s="5"/>
      <c r="V45" s="5"/>
      <c r="W45" s="5"/>
      <c r="X45" s="5"/>
      <c r="Y45" s="9"/>
      <c r="Z45" s="30"/>
      <c r="AA45" s="30"/>
      <c r="AB45" s="30"/>
      <c r="AC45" s="15"/>
      <c r="AD45" s="16"/>
      <c r="AE45" s="16"/>
      <c r="AF45" s="16"/>
      <c r="AG45" s="17"/>
      <c r="AH45" s="15"/>
      <c r="AI45" s="16"/>
      <c r="AJ45" s="16"/>
      <c r="AK45" s="16"/>
      <c r="AL45" s="17" t="s">
        <v>60</v>
      </c>
      <c r="AN45" s="3"/>
    </row>
    <row r="46" spans="2:40" ht="14.25" customHeight="1" x14ac:dyDescent="0.15">
      <c r="B46" s="687"/>
      <c r="C46" s="665"/>
      <c r="D46" s="68"/>
      <c r="E46" s="524" t="s">
        <v>36</v>
      </c>
      <c r="F46" s="707"/>
      <c r="G46" s="707"/>
      <c r="H46" s="707"/>
      <c r="I46" s="707"/>
      <c r="J46" s="707"/>
      <c r="K46" s="707"/>
      <c r="L46" s="708"/>
      <c r="M46" s="37"/>
      <c r="N46" s="36"/>
      <c r="O46" s="18"/>
      <c r="P46" s="19"/>
      <c r="Q46" s="36"/>
      <c r="R46" s="11" t="s">
        <v>901</v>
      </c>
      <c r="S46" s="5"/>
      <c r="T46" s="5"/>
      <c r="U46" s="5"/>
      <c r="V46" s="5"/>
      <c r="W46" s="5"/>
      <c r="X46" s="5"/>
      <c r="Y46" s="9"/>
      <c r="Z46" s="30"/>
      <c r="AA46" s="30"/>
      <c r="AB46" s="30"/>
      <c r="AC46" s="15"/>
      <c r="AD46" s="16"/>
      <c r="AE46" s="16"/>
      <c r="AF46" s="16"/>
      <c r="AG46" s="17"/>
      <c r="AH46" s="15"/>
      <c r="AI46" s="16"/>
      <c r="AJ46" s="16"/>
      <c r="AK46" s="16"/>
      <c r="AL46" s="17" t="s">
        <v>60</v>
      </c>
      <c r="AN46" s="3"/>
    </row>
    <row r="47" spans="2:40" ht="14.25" customHeight="1" x14ac:dyDescent="0.15">
      <c r="B47" s="688"/>
      <c r="C47" s="665"/>
      <c r="D47" s="68"/>
      <c r="E47" s="524" t="s">
        <v>7</v>
      </c>
      <c r="F47" s="707"/>
      <c r="G47" s="707"/>
      <c r="H47" s="707"/>
      <c r="I47" s="707"/>
      <c r="J47" s="707"/>
      <c r="K47" s="707"/>
      <c r="L47" s="708"/>
      <c r="M47" s="37"/>
      <c r="N47" s="36"/>
      <c r="O47" s="18"/>
      <c r="P47" s="19"/>
      <c r="Q47" s="36"/>
      <c r="R47" s="11" t="s">
        <v>901</v>
      </c>
      <c r="S47" s="5"/>
      <c r="T47" s="5"/>
      <c r="U47" s="5"/>
      <c r="V47" s="5"/>
      <c r="W47" s="5"/>
      <c r="X47" s="5"/>
      <c r="Y47" s="9"/>
      <c r="Z47" s="30"/>
      <c r="AA47" s="30"/>
      <c r="AB47" s="30"/>
      <c r="AC47" s="15"/>
      <c r="AD47" s="16"/>
      <c r="AE47" s="16"/>
      <c r="AF47" s="16"/>
      <c r="AG47" s="17"/>
      <c r="AH47" s="15"/>
      <c r="AI47" s="16"/>
      <c r="AJ47" s="16"/>
      <c r="AK47" s="16"/>
      <c r="AL47" s="17" t="s">
        <v>60</v>
      </c>
      <c r="AN47" s="3"/>
    </row>
    <row r="48" spans="2:40" ht="14.25" customHeight="1" x14ac:dyDescent="0.15">
      <c r="B48" s="450" t="s">
        <v>62</v>
      </c>
      <c r="C48" s="450"/>
      <c r="D48" s="450"/>
      <c r="E48" s="450"/>
      <c r="F48" s="450"/>
      <c r="G48" s="450"/>
      <c r="H48" s="450"/>
      <c r="I48" s="450"/>
      <c r="J48" s="450"/>
      <c r="K48" s="450"/>
      <c r="L48" s="61"/>
      <c r="M48" s="62"/>
      <c r="N48" s="62"/>
      <c r="O48" s="62"/>
      <c r="P48" s="62"/>
      <c r="Q48" s="62"/>
      <c r="R48" s="63"/>
      <c r="S48" s="63"/>
      <c r="T48" s="63"/>
      <c r="U48" s="64"/>
      <c r="V48" s="9"/>
      <c r="W48" s="10"/>
      <c r="X48" s="11"/>
      <c r="Y48" s="10"/>
      <c r="Z48" s="30"/>
      <c r="AA48" s="30"/>
      <c r="AB48" s="30"/>
      <c r="AC48" s="16"/>
      <c r="AD48" s="16"/>
      <c r="AE48" s="16"/>
      <c r="AF48" s="16"/>
      <c r="AG48" s="16"/>
      <c r="AH48" s="47"/>
      <c r="AI48" s="16"/>
      <c r="AJ48" s="16"/>
      <c r="AK48" s="16"/>
      <c r="AL48" s="17"/>
      <c r="AN48" s="3"/>
    </row>
    <row r="49" spans="2:40" ht="14.25" customHeight="1" x14ac:dyDescent="0.15">
      <c r="B49" s="450" t="s">
        <v>63</v>
      </c>
      <c r="C49" s="450"/>
      <c r="D49" s="450"/>
      <c r="E49" s="450"/>
      <c r="F49" s="450"/>
      <c r="G49" s="450"/>
      <c r="H49" s="450"/>
      <c r="I49" s="450"/>
      <c r="J49" s="450"/>
      <c r="K49" s="394"/>
      <c r="L49" s="65"/>
      <c r="M49" s="19"/>
      <c r="N49" s="19"/>
      <c r="O49" s="19"/>
      <c r="P49" s="19"/>
      <c r="Q49" s="19"/>
      <c r="R49" s="10"/>
      <c r="S49" s="10"/>
      <c r="T49" s="10"/>
      <c r="U49" s="10"/>
      <c r="V49" s="8"/>
      <c r="W49" s="8"/>
      <c r="X49" s="8"/>
      <c r="Y49" s="8"/>
      <c r="Z49" s="67"/>
      <c r="AA49" s="67"/>
      <c r="AB49" s="67"/>
      <c r="AC49" s="59"/>
      <c r="AD49" s="59"/>
      <c r="AE49" s="59"/>
      <c r="AF49" s="59"/>
      <c r="AG49" s="59"/>
      <c r="AH49" s="51"/>
      <c r="AI49" s="59"/>
      <c r="AJ49" s="59"/>
      <c r="AK49" s="59"/>
      <c r="AL49" s="60"/>
      <c r="AN49" s="3"/>
    </row>
    <row r="50" spans="2:40" ht="14.25" customHeight="1" x14ac:dyDescent="0.15">
      <c r="B50" s="677" t="s">
        <v>37</v>
      </c>
      <c r="C50" s="677"/>
      <c r="D50" s="677"/>
      <c r="E50" s="677"/>
      <c r="F50" s="677"/>
      <c r="G50" s="677"/>
      <c r="H50" s="677"/>
      <c r="I50" s="677"/>
      <c r="J50" s="677"/>
      <c r="K50" s="677"/>
      <c r="L50" s="61"/>
      <c r="M50" s="62"/>
      <c r="N50" s="62"/>
      <c r="O50" s="62"/>
      <c r="P50" s="62"/>
      <c r="Q50" s="62"/>
      <c r="R50" s="63"/>
      <c r="S50" s="63"/>
      <c r="T50" s="63"/>
      <c r="U50" s="64"/>
      <c r="V50" s="9" t="s">
        <v>64</v>
      </c>
      <c r="W50" s="10"/>
      <c r="X50" s="10"/>
      <c r="Y50" s="10"/>
      <c r="Z50" s="30"/>
      <c r="AA50" s="30"/>
      <c r="AB50" s="30"/>
      <c r="AC50" s="16"/>
      <c r="AD50" s="16"/>
      <c r="AE50" s="16"/>
      <c r="AF50" s="16"/>
      <c r="AG50" s="16"/>
      <c r="AH50" s="47"/>
      <c r="AI50" s="16"/>
      <c r="AJ50" s="16"/>
      <c r="AK50" s="16"/>
      <c r="AL50" s="17"/>
      <c r="AN50" s="3"/>
    </row>
    <row r="51" spans="2:40" ht="14.25" customHeight="1" x14ac:dyDescent="0.15">
      <c r="B51" s="725" t="s">
        <v>65</v>
      </c>
      <c r="C51" s="725"/>
      <c r="D51" s="725"/>
      <c r="E51" s="725"/>
      <c r="F51" s="725"/>
      <c r="G51" s="725"/>
      <c r="H51" s="725"/>
      <c r="I51" s="725"/>
      <c r="J51" s="725"/>
      <c r="K51" s="725"/>
      <c r="L51" s="48"/>
      <c r="M51" s="19"/>
      <c r="N51" s="19"/>
      <c r="O51" s="19"/>
      <c r="P51" s="19"/>
      <c r="Q51" s="19"/>
      <c r="R51" s="10"/>
      <c r="S51" s="10"/>
      <c r="T51" s="10"/>
      <c r="U51" s="10"/>
      <c r="V51" s="10"/>
      <c r="W51" s="7"/>
      <c r="X51" s="7"/>
      <c r="Y51" s="7"/>
      <c r="Z51" s="66"/>
      <c r="AA51" s="66"/>
      <c r="AB51" s="66"/>
      <c r="AC51" s="57"/>
      <c r="AD51" s="57"/>
      <c r="AE51" s="57"/>
      <c r="AF51" s="57"/>
      <c r="AG51" s="57"/>
      <c r="AH51" s="49"/>
      <c r="AI51" s="57"/>
      <c r="AJ51" s="57"/>
      <c r="AK51" s="57"/>
      <c r="AL51" s="58"/>
      <c r="AN51" s="3"/>
    </row>
    <row r="52" spans="2:40" ht="14.25" customHeight="1" x14ac:dyDescent="0.15">
      <c r="B52" s="623" t="s">
        <v>38</v>
      </c>
      <c r="C52" s="624"/>
      <c r="D52" s="624"/>
      <c r="E52" s="624"/>
      <c r="F52" s="624"/>
      <c r="G52" s="624"/>
      <c r="H52" s="624"/>
      <c r="I52" s="624"/>
      <c r="J52" s="624"/>
      <c r="K52" s="624"/>
      <c r="L52" s="624"/>
      <c r="M52" s="624"/>
      <c r="N52" s="624"/>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x14ac:dyDescent="0.15">
      <c r="B53" s="664" t="s">
        <v>39</v>
      </c>
      <c r="C53" s="726" t="s">
        <v>40</v>
      </c>
      <c r="D53" s="680"/>
      <c r="E53" s="680"/>
      <c r="F53" s="680"/>
      <c r="G53" s="680"/>
      <c r="H53" s="680"/>
      <c r="I53" s="680"/>
      <c r="J53" s="680"/>
      <c r="K53" s="680"/>
      <c r="L53" s="680"/>
      <c r="M53" s="680"/>
      <c r="N53" s="680"/>
      <c r="O53" s="680"/>
      <c r="P53" s="680"/>
      <c r="Q53" s="680"/>
      <c r="R53" s="680"/>
      <c r="S53" s="680"/>
      <c r="T53" s="681"/>
      <c r="U53" s="726" t="s">
        <v>41</v>
      </c>
      <c r="V53" s="727"/>
      <c r="W53" s="727"/>
      <c r="X53" s="727"/>
      <c r="Y53" s="727"/>
      <c r="Z53" s="727"/>
      <c r="AA53" s="727"/>
      <c r="AB53" s="727"/>
      <c r="AC53" s="727"/>
      <c r="AD53" s="727"/>
      <c r="AE53" s="727"/>
      <c r="AF53" s="727"/>
      <c r="AG53" s="727"/>
      <c r="AH53" s="727"/>
      <c r="AI53" s="727"/>
      <c r="AJ53" s="727"/>
      <c r="AK53" s="727"/>
      <c r="AL53" s="728"/>
      <c r="AN53" s="3"/>
    </row>
    <row r="54" spans="2:40" x14ac:dyDescent="0.15">
      <c r="B54" s="665"/>
      <c r="C54" s="729"/>
      <c r="D54" s="730"/>
      <c r="E54" s="730"/>
      <c r="F54" s="730"/>
      <c r="G54" s="730"/>
      <c r="H54" s="730"/>
      <c r="I54" s="730"/>
      <c r="J54" s="730"/>
      <c r="K54" s="730"/>
      <c r="L54" s="730"/>
      <c r="M54" s="730"/>
      <c r="N54" s="730"/>
      <c r="O54" s="730"/>
      <c r="P54" s="730"/>
      <c r="Q54" s="730"/>
      <c r="R54" s="730"/>
      <c r="S54" s="730"/>
      <c r="T54" s="712"/>
      <c r="U54" s="729"/>
      <c r="V54" s="730"/>
      <c r="W54" s="730"/>
      <c r="X54" s="730"/>
      <c r="Y54" s="730"/>
      <c r="Z54" s="730"/>
      <c r="AA54" s="730"/>
      <c r="AB54" s="730"/>
      <c r="AC54" s="730"/>
      <c r="AD54" s="730"/>
      <c r="AE54" s="730"/>
      <c r="AF54" s="730"/>
      <c r="AG54" s="730"/>
      <c r="AH54" s="730"/>
      <c r="AI54" s="730"/>
      <c r="AJ54" s="730"/>
      <c r="AK54" s="730"/>
      <c r="AL54" s="712"/>
      <c r="AN54" s="3"/>
    </row>
    <row r="55" spans="2:40" x14ac:dyDescent="0.15">
      <c r="B55" s="665"/>
      <c r="C55" s="731"/>
      <c r="D55" s="732"/>
      <c r="E55" s="732"/>
      <c r="F55" s="732"/>
      <c r="G55" s="732"/>
      <c r="H55" s="732"/>
      <c r="I55" s="732"/>
      <c r="J55" s="732"/>
      <c r="K55" s="732"/>
      <c r="L55" s="732"/>
      <c r="M55" s="732"/>
      <c r="N55" s="732"/>
      <c r="O55" s="732"/>
      <c r="P55" s="732"/>
      <c r="Q55" s="732"/>
      <c r="R55" s="732"/>
      <c r="S55" s="732"/>
      <c r="T55" s="714"/>
      <c r="U55" s="731"/>
      <c r="V55" s="732"/>
      <c r="W55" s="732"/>
      <c r="X55" s="732"/>
      <c r="Y55" s="732"/>
      <c r="Z55" s="732"/>
      <c r="AA55" s="732"/>
      <c r="AB55" s="732"/>
      <c r="AC55" s="732"/>
      <c r="AD55" s="732"/>
      <c r="AE55" s="732"/>
      <c r="AF55" s="732"/>
      <c r="AG55" s="732"/>
      <c r="AH55" s="732"/>
      <c r="AI55" s="732"/>
      <c r="AJ55" s="732"/>
      <c r="AK55" s="732"/>
      <c r="AL55" s="714"/>
      <c r="AN55" s="3"/>
    </row>
    <row r="56" spans="2:40" x14ac:dyDescent="0.15">
      <c r="B56" s="665"/>
      <c r="C56" s="731"/>
      <c r="D56" s="732"/>
      <c r="E56" s="732"/>
      <c r="F56" s="732"/>
      <c r="G56" s="732"/>
      <c r="H56" s="732"/>
      <c r="I56" s="732"/>
      <c r="J56" s="732"/>
      <c r="K56" s="732"/>
      <c r="L56" s="732"/>
      <c r="M56" s="732"/>
      <c r="N56" s="732"/>
      <c r="O56" s="732"/>
      <c r="P56" s="732"/>
      <c r="Q56" s="732"/>
      <c r="R56" s="732"/>
      <c r="S56" s="732"/>
      <c r="T56" s="714"/>
      <c r="U56" s="731"/>
      <c r="V56" s="732"/>
      <c r="W56" s="732"/>
      <c r="X56" s="732"/>
      <c r="Y56" s="732"/>
      <c r="Z56" s="732"/>
      <c r="AA56" s="732"/>
      <c r="AB56" s="732"/>
      <c r="AC56" s="732"/>
      <c r="AD56" s="732"/>
      <c r="AE56" s="732"/>
      <c r="AF56" s="732"/>
      <c r="AG56" s="732"/>
      <c r="AH56" s="732"/>
      <c r="AI56" s="732"/>
      <c r="AJ56" s="732"/>
      <c r="AK56" s="732"/>
      <c r="AL56" s="714"/>
      <c r="AN56" s="3"/>
    </row>
    <row r="57" spans="2:40" x14ac:dyDescent="0.15">
      <c r="B57" s="666"/>
      <c r="C57" s="733"/>
      <c r="D57" s="727"/>
      <c r="E57" s="727"/>
      <c r="F57" s="727"/>
      <c r="G57" s="727"/>
      <c r="H57" s="727"/>
      <c r="I57" s="727"/>
      <c r="J57" s="727"/>
      <c r="K57" s="727"/>
      <c r="L57" s="727"/>
      <c r="M57" s="727"/>
      <c r="N57" s="727"/>
      <c r="O57" s="727"/>
      <c r="P57" s="727"/>
      <c r="Q57" s="727"/>
      <c r="R57" s="727"/>
      <c r="S57" s="727"/>
      <c r="T57" s="728"/>
      <c r="U57" s="733"/>
      <c r="V57" s="727"/>
      <c r="W57" s="727"/>
      <c r="X57" s="727"/>
      <c r="Y57" s="727"/>
      <c r="Z57" s="727"/>
      <c r="AA57" s="727"/>
      <c r="AB57" s="727"/>
      <c r="AC57" s="727"/>
      <c r="AD57" s="727"/>
      <c r="AE57" s="727"/>
      <c r="AF57" s="727"/>
      <c r="AG57" s="727"/>
      <c r="AH57" s="727"/>
      <c r="AI57" s="727"/>
      <c r="AJ57" s="727"/>
      <c r="AK57" s="727"/>
      <c r="AL57" s="728"/>
      <c r="AN57" s="3"/>
    </row>
    <row r="58" spans="2:40" ht="14.25" customHeight="1" x14ac:dyDescent="0.15">
      <c r="B58" s="652" t="s">
        <v>42</v>
      </c>
      <c r="C58" s="495"/>
      <c r="D58" s="495"/>
      <c r="E58" s="495"/>
      <c r="F58" s="573"/>
      <c r="G58" s="677" t="s">
        <v>43</v>
      </c>
      <c r="H58" s="677"/>
      <c r="I58" s="677"/>
      <c r="J58" s="677"/>
      <c r="K58" s="677"/>
      <c r="L58" s="677"/>
      <c r="M58" s="677"/>
      <c r="N58" s="677"/>
      <c r="O58" s="677"/>
      <c r="P58" s="677"/>
      <c r="Q58" s="677"/>
      <c r="R58" s="677"/>
      <c r="S58" s="677"/>
      <c r="T58" s="677"/>
      <c r="U58" s="677"/>
      <c r="V58" s="677"/>
      <c r="W58" s="677"/>
      <c r="X58" s="677"/>
      <c r="Y58" s="677"/>
      <c r="Z58" s="677"/>
      <c r="AA58" s="677"/>
      <c r="AB58" s="677"/>
      <c r="AC58" s="677"/>
      <c r="AD58" s="677"/>
      <c r="AE58" s="677"/>
      <c r="AF58" s="677"/>
      <c r="AG58" s="677"/>
      <c r="AH58" s="677"/>
      <c r="AI58" s="677"/>
      <c r="AJ58" s="677"/>
      <c r="AK58" s="677"/>
      <c r="AL58" s="677"/>
      <c r="AN58" s="3"/>
    </row>
    <row r="60" spans="2:40" x14ac:dyDescent="0.15">
      <c r="B60" s="14" t="s">
        <v>66</v>
      </c>
    </row>
    <row r="61" spans="2:40" x14ac:dyDescent="0.15">
      <c r="B61" s="14" t="s">
        <v>67</v>
      </c>
    </row>
    <row r="62" spans="2:40" x14ac:dyDescent="0.15">
      <c r="B62" s="14" t="s">
        <v>68</v>
      </c>
    </row>
    <row r="63" spans="2:40" x14ac:dyDescent="0.15">
      <c r="B63" s="14" t="s">
        <v>44</v>
      </c>
    </row>
    <row r="64" spans="2:40" x14ac:dyDescent="0.15">
      <c r="B64" s="14" t="s">
        <v>45</v>
      </c>
    </row>
    <row r="65" spans="2:41" x14ac:dyDescent="0.15">
      <c r="B65" s="14" t="s">
        <v>904</v>
      </c>
    </row>
    <row r="66" spans="2:41" x14ac:dyDescent="0.15">
      <c r="B66" s="14" t="s">
        <v>905</v>
      </c>
      <c r="AN66" s="3"/>
      <c r="AO66" s="14"/>
    </row>
    <row r="67" spans="2:41" x14ac:dyDescent="0.15">
      <c r="B67" s="14" t="s">
        <v>69</v>
      </c>
    </row>
    <row r="68" spans="2:41" x14ac:dyDescent="0.15">
      <c r="B68" s="14" t="s">
        <v>70</v>
      </c>
    </row>
    <row r="69" spans="2:41" x14ac:dyDescent="0.15">
      <c r="B69" s="14" t="s">
        <v>71</v>
      </c>
    </row>
    <row r="70" spans="2:41" x14ac:dyDescent="0.15">
      <c r="B70" s="14" t="s">
        <v>46</v>
      </c>
    </row>
    <row r="84" spans="2:2" ht="12.75" customHeight="1" x14ac:dyDescent="0.15">
      <c r="B84" s="46"/>
    </row>
    <row r="85" spans="2:2" ht="12.75" customHeight="1" x14ac:dyDescent="0.15">
      <c r="B85" s="46" t="s">
        <v>72</v>
      </c>
    </row>
    <row r="86" spans="2:2" ht="12.75" customHeight="1" x14ac:dyDescent="0.15">
      <c r="B86" s="46" t="s">
        <v>73</v>
      </c>
    </row>
    <row r="87" spans="2:2" ht="12.75" customHeight="1" x14ac:dyDescent="0.15">
      <c r="B87" s="46" t="s">
        <v>74</v>
      </c>
    </row>
    <row r="88" spans="2:2" ht="12.75" customHeight="1" x14ac:dyDescent="0.15">
      <c r="B88" s="46" t="s">
        <v>75</v>
      </c>
    </row>
    <row r="89" spans="2:2" ht="12.75" customHeight="1" x14ac:dyDescent="0.15">
      <c r="B89" s="46" t="s">
        <v>76</v>
      </c>
    </row>
    <row r="90" spans="2:2" ht="12.75" customHeight="1" x14ac:dyDescent="0.15">
      <c r="B90" s="46" t="s">
        <v>77</v>
      </c>
    </row>
    <row r="91" spans="2:2" ht="12.75" customHeight="1" x14ac:dyDescent="0.15">
      <c r="B91" s="46" t="s">
        <v>78</v>
      </c>
    </row>
    <row r="92" spans="2:2" ht="12.75" customHeight="1" x14ac:dyDescent="0.15">
      <c r="B92" s="46" t="s">
        <v>79</v>
      </c>
    </row>
    <row r="93" spans="2:2" ht="12.75" customHeight="1" x14ac:dyDescent="0.15"/>
    <row r="94" spans="2:2" ht="12.75" customHeight="1" x14ac:dyDescent="0.15"/>
    <row r="95" spans="2:2" ht="12.75" customHeight="1" x14ac:dyDescent="0.15"/>
    <row r="96" spans="2:2" ht="12.75" customHeight="1" x14ac:dyDescent="0.15"/>
    <row r="97" ht="12.75" customHeight="1" x14ac:dyDescent="0.15"/>
    <row r="98" ht="12.75" customHeight="1" x14ac:dyDescent="0.15"/>
    <row r="99" ht="12.75" customHeight="1" x14ac:dyDescent="0.15"/>
    <row r="100" ht="12.75" customHeight="1" x14ac:dyDescent="0.15"/>
    <row r="101" ht="12.75" customHeight="1" x14ac:dyDescent="0.15"/>
    <row r="102" ht="12.75" customHeight="1" x14ac:dyDescent="0.15"/>
    <row r="103" ht="12.75" customHeight="1" x14ac:dyDescent="0.15"/>
    <row r="104" ht="12.75" customHeight="1" x14ac:dyDescent="0.15"/>
    <row r="105" ht="12.75" customHeight="1" x14ac:dyDescent="0.15"/>
    <row r="106" ht="12.75" customHeight="1" x14ac:dyDescent="0.15"/>
    <row r="107" ht="12.75" customHeight="1" x14ac:dyDescent="0.15"/>
    <row r="108" ht="12.75" customHeight="1" x14ac:dyDescent="0.15"/>
    <row r="109" ht="12.75" customHeight="1" x14ac:dyDescent="0.15"/>
    <row r="110" ht="12.75" customHeight="1" x14ac:dyDescent="0.15"/>
    <row r="111" ht="12.75" customHeight="1" x14ac:dyDescent="0.15"/>
    <row r="11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30" ht="12.75" customHeight="1" x14ac:dyDescent="0.15"/>
  </sheetData>
  <mergeCells count="83">
    <mergeCell ref="B58:F58"/>
    <mergeCell ref="G58:AL58"/>
    <mergeCell ref="B51:K51"/>
    <mergeCell ref="B52:N52"/>
    <mergeCell ref="B53:B57"/>
    <mergeCell ref="C53:T53"/>
    <mergeCell ref="U53:AL53"/>
    <mergeCell ref="C54:T57"/>
    <mergeCell ref="U54:AL57"/>
    <mergeCell ref="E47:L47"/>
    <mergeCell ref="B48:K48"/>
    <mergeCell ref="B49:K49"/>
    <mergeCell ref="B50:K50"/>
    <mergeCell ref="B34:B47"/>
    <mergeCell ref="C34:L35"/>
    <mergeCell ref="C42:C47"/>
    <mergeCell ref="E42:L42"/>
    <mergeCell ref="E43:L43"/>
    <mergeCell ref="E44:L44"/>
    <mergeCell ref="E45:L45"/>
    <mergeCell ref="E46:L46"/>
    <mergeCell ref="AH34:AL34"/>
    <mergeCell ref="AC35:AG35"/>
    <mergeCell ref="AH35:AL35"/>
    <mergeCell ref="C36:C41"/>
    <mergeCell ref="E36:L36"/>
    <mergeCell ref="E37:L37"/>
    <mergeCell ref="E38:L38"/>
    <mergeCell ref="E39:L39"/>
    <mergeCell ref="E40:L40"/>
    <mergeCell ref="E41:L41"/>
    <mergeCell ref="M34:N35"/>
    <mergeCell ref="R34:X35"/>
    <mergeCell ref="Y34:AB34"/>
    <mergeCell ref="AC34:AG34"/>
    <mergeCell ref="C30:K30"/>
    <mergeCell ref="L30:AL30"/>
    <mergeCell ref="C31:K33"/>
    <mergeCell ref="L31:AL31"/>
    <mergeCell ref="L32:AL32"/>
    <mergeCell ref="L33:AL33"/>
    <mergeCell ref="C19:K21"/>
    <mergeCell ref="L19:AL19"/>
    <mergeCell ref="L20:AL20"/>
    <mergeCell ref="L21:AL21"/>
    <mergeCell ref="L26:AL26"/>
    <mergeCell ref="B22:B33"/>
    <mergeCell ref="C22:K24"/>
    <mergeCell ref="L22:AL22"/>
    <mergeCell ref="L23:AL23"/>
    <mergeCell ref="L24:AL24"/>
    <mergeCell ref="C25:K25"/>
    <mergeCell ref="L25:P25"/>
    <mergeCell ref="Z25:AD25"/>
    <mergeCell ref="AJ25:AL25"/>
    <mergeCell ref="C26:K28"/>
    <mergeCell ref="L27:AL27"/>
    <mergeCell ref="L28:AL28"/>
    <mergeCell ref="C29:K29"/>
    <mergeCell ref="L29:P29"/>
    <mergeCell ref="Z29:AD29"/>
    <mergeCell ref="AJ29:AL29"/>
    <mergeCell ref="L18:P18"/>
    <mergeCell ref="Z18:AD18"/>
    <mergeCell ref="C17:K17"/>
    <mergeCell ref="U17:Y17"/>
    <mergeCell ref="AE17:AK17"/>
    <mergeCell ref="Z3:AD3"/>
    <mergeCell ref="AE3:AL3"/>
    <mergeCell ref="B5:AL5"/>
    <mergeCell ref="B7:J7"/>
    <mergeCell ref="B11:B21"/>
    <mergeCell ref="C11:K11"/>
    <mergeCell ref="C12:K12"/>
    <mergeCell ref="C13:K15"/>
    <mergeCell ref="L13:AL13"/>
    <mergeCell ref="L14:AL14"/>
    <mergeCell ref="L15:AL15"/>
    <mergeCell ref="C16:K16"/>
    <mergeCell ref="L16:P16"/>
    <mergeCell ref="Z16:AD16"/>
    <mergeCell ref="AJ16:AL16"/>
    <mergeCell ref="C18:K18"/>
  </mergeCells>
  <phoneticPr fontId="1"/>
  <pageMargins left="0.39370078740157483" right="0" top="0.59055118110236227" bottom="0" header="0.51181102362204722" footer="0.51181102362204722"/>
  <pageSetup paperSize="9" scale="80" orientation="portrait" verticalDpi="300"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J123"/>
  <sheetViews>
    <sheetView zoomScaleNormal="100" zoomScaleSheetLayoutView="55" workbookViewId="0">
      <selection activeCell="B5" sqref="B5:AE5"/>
    </sheetView>
  </sheetViews>
  <sheetFormatPr defaultColWidth="4" defaultRowHeight="13.5" x14ac:dyDescent="0.15"/>
  <cols>
    <col min="1" max="1" width="2.875" style="290" customWidth="1"/>
    <col min="2" max="2" width="2.375" style="290" customWidth="1"/>
    <col min="3" max="3" width="3.5" style="290" customWidth="1"/>
    <col min="4" max="15" width="3.625" style="290" customWidth="1"/>
    <col min="16" max="16" width="1.5" style="290" customWidth="1"/>
    <col min="17" max="18" width="3.625" style="290" customWidth="1"/>
    <col min="19" max="19" width="2.75" style="290" customWidth="1"/>
    <col min="20" max="31" width="3.625" style="290" customWidth="1"/>
    <col min="32" max="16384" width="4" style="290"/>
  </cols>
  <sheetData>
    <row r="2" spans="2:31" x14ac:dyDescent="0.15">
      <c r="B2" s="290" t="s">
        <v>908</v>
      </c>
    </row>
    <row r="3" spans="2:31" x14ac:dyDescent="0.15">
      <c r="U3" s="2"/>
      <c r="X3" s="283" t="s">
        <v>9</v>
      </c>
      <c r="Y3" s="392"/>
      <c r="Z3" s="392"/>
      <c r="AA3" s="283" t="s">
        <v>10</v>
      </c>
      <c r="AB3" s="272"/>
      <c r="AC3" s="283" t="s">
        <v>80</v>
      </c>
      <c r="AD3" s="272"/>
      <c r="AE3" s="283" t="s">
        <v>81</v>
      </c>
    </row>
    <row r="4" spans="2:31" x14ac:dyDescent="0.15">
      <c r="T4" s="353"/>
      <c r="U4" s="353"/>
      <c r="V4" s="353"/>
    </row>
    <row r="5" spans="2:31" x14ac:dyDescent="0.15">
      <c r="B5" s="392" t="s">
        <v>543</v>
      </c>
      <c r="C5" s="392"/>
      <c r="D5" s="392"/>
      <c r="E5" s="392"/>
      <c r="F5" s="392"/>
      <c r="G5" s="392"/>
      <c r="H5" s="392"/>
      <c r="I5" s="392"/>
      <c r="J5" s="392"/>
      <c r="K5" s="392"/>
      <c r="L5" s="392"/>
      <c r="M5" s="392"/>
      <c r="N5" s="392"/>
      <c r="O5" s="392"/>
      <c r="P5" s="392"/>
      <c r="Q5" s="392"/>
      <c r="R5" s="392"/>
      <c r="S5" s="392"/>
      <c r="T5" s="392"/>
      <c r="U5" s="392"/>
      <c r="V5" s="392"/>
      <c r="W5" s="392"/>
      <c r="X5" s="392"/>
      <c r="Y5" s="392"/>
      <c r="Z5" s="392"/>
      <c r="AA5" s="392"/>
      <c r="AB5" s="392"/>
      <c r="AC5" s="392"/>
      <c r="AD5" s="392"/>
      <c r="AE5" s="392"/>
    </row>
    <row r="6" spans="2:31" ht="65.25" customHeight="1" x14ac:dyDescent="0.15">
      <c r="B6" s="439" t="s">
        <v>605</v>
      </c>
      <c r="C6" s="439"/>
      <c r="D6" s="439"/>
      <c r="E6" s="439"/>
      <c r="F6" s="439"/>
      <c r="G6" s="439"/>
      <c r="H6" s="439"/>
      <c r="I6" s="439"/>
      <c r="J6" s="439"/>
      <c r="K6" s="439"/>
      <c r="L6" s="439"/>
      <c r="M6" s="439"/>
      <c r="N6" s="439"/>
      <c r="O6" s="439"/>
      <c r="P6" s="439"/>
      <c r="Q6" s="439"/>
      <c r="R6" s="439"/>
      <c r="S6" s="439"/>
      <c r="T6" s="439"/>
      <c r="U6" s="439"/>
      <c r="V6" s="439"/>
      <c r="W6" s="439"/>
      <c r="X6" s="439"/>
      <c r="Y6" s="439"/>
      <c r="Z6" s="439"/>
      <c r="AA6" s="439"/>
      <c r="AB6" s="439"/>
      <c r="AC6" s="439"/>
      <c r="AD6" s="439"/>
      <c r="AE6" s="272"/>
    </row>
    <row r="7" spans="2:31" ht="23.25" customHeight="1" x14ac:dyDescent="0.15"/>
    <row r="8" spans="2:31" ht="23.25" customHeight="1" x14ac:dyDescent="0.15">
      <c r="B8" s="220" t="s">
        <v>85</v>
      </c>
      <c r="C8" s="220"/>
      <c r="D8" s="220"/>
      <c r="E8" s="220"/>
      <c r="F8" s="398"/>
      <c r="G8" s="399"/>
      <c r="H8" s="399"/>
      <c r="I8" s="399"/>
      <c r="J8" s="399"/>
      <c r="K8" s="399"/>
      <c r="L8" s="399"/>
      <c r="M8" s="399"/>
      <c r="N8" s="399"/>
      <c r="O8" s="399"/>
      <c r="P8" s="399"/>
      <c r="Q8" s="399"/>
      <c r="R8" s="399"/>
      <c r="S8" s="399"/>
      <c r="T8" s="399"/>
      <c r="U8" s="399"/>
      <c r="V8" s="399"/>
      <c r="W8" s="399"/>
      <c r="X8" s="399"/>
      <c r="Y8" s="399"/>
      <c r="Z8" s="399"/>
      <c r="AA8" s="399"/>
      <c r="AB8" s="399"/>
      <c r="AC8" s="399"/>
      <c r="AD8" s="399"/>
      <c r="AE8" s="400"/>
    </row>
    <row r="9" spans="2:31" ht="24.95" customHeight="1" x14ac:dyDescent="0.15">
      <c r="B9" s="220" t="s">
        <v>116</v>
      </c>
      <c r="C9" s="220"/>
      <c r="D9" s="220"/>
      <c r="E9" s="220"/>
      <c r="F9" s="249" t="s">
        <v>0</v>
      </c>
      <c r="G9" s="315" t="s">
        <v>545</v>
      </c>
      <c r="H9" s="315"/>
      <c r="I9" s="315"/>
      <c r="J9" s="315"/>
      <c r="K9" s="250" t="s">
        <v>0</v>
      </c>
      <c r="L9" s="315" t="s">
        <v>546</v>
      </c>
      <c r="M9" s="315"/>
      <c r="N9" s="315"/>
      <c r="O9" s="315"/>
      <c r="P9" s="315"/>
      <c r="Q9" s="250" t="s">
        <v>0</v>
      </c>
      <c r="R9" s="315" t="s">
        <v>547</v>
      </c>
      <c r="S9" s="315"/>
      <c r="T9" s="315"/>
      <c r="U9" s="315"/>
      <c r="V9" s="315"/>
      <c r="W9" s="315"/>
      <c r="X9" s="315"/>
      <c r="Y9" s="315"/>
      <c r="Z9" s="315"/>
      <c r="AA9" s="315"/>
      <c r="AB9" s="315"/>
      <c r="AC9" s="315"/>
      <c r="AD9" s="286"/>
      <c r="AE9" s="287"/>
    </row>
    <row r="10" spans="2:31" ht="24.95" customHeight="1" x14ac:dyDescent="0.15">
      <c r="B10" s="401" t="s">
        <v>548</v>
      </c>
      <c r="C10" s="402"/>
      <c r="D10" s="402"/>
      <c r="E10" s="403"/>
      <c r="F10" s="272" t="s">
        <v>0</v>
      </c>
      <c r="G10" s="2" t="s">
        <v>606</v>
      </c>
      <c r="H10" s="2"/>
      <c r="I10" s="2"/>
      <c r="J10" s="2"/>
      <c r="K10" s="2"/>
      <c r="L10" s="2"/>
      <c r="M10" s="2"/>
      <c r="N10" s="2"/>
      <c r="O10" s="2"/>
      <c r="Q10" s="297"/>
      <c r="R10" s="253" t="s">
        <v>0</v>
      </c>
      <c r="S10" s="2" t="s">
        <v>607</v>
      </c>
      <c r="T10" s="2"/>
      <c r="U10" s="2"/>
      <c r="V10" s="2"/>
      <c r="W10" s="323"/>
      <c r="X10" s="323"/>
      <c r="Y10" s="323"/>
      <c r="Z10" s="323"/>
      <c r="AA10" s="323"/>
      <c r="AB10" s="323"/>
      <c r="AC10" s="323"/>
      <c r="AD10" s="297"/>
      <c r="AE10" s="298"/>
    </row>
    <row r="11" spans="2:31" ht="24.95" customHeight="1" x14ac:dyDescent="0.15">
      <c r="B11" s="421"/>
      <c r="C11" s="392"/>
      <c r="D11" s="392"/>
      <c r="E11" s="422"/>
      <c r="F11" s="272" t="s">
        <v>0</v>
      </c>
      <c r="G11" s="2" t="s">
        <v>608</v>
      </c>
      <c r="H11" s="2"/>
      <c r="I11" s="2"/>
      <c r="J11" s="2"/>
      <c r="K11" s="2"/>
      <c r="L11" s="2"/>
      <c r="M11" s="2"/>
      <c r="N11" s="2"/>
      <c r="O11" s="2"/>
      <c r="R11" s="272" t="s">
        <v>0</v>
      </c>
      <c r="S11" s="2" t="s">
        <v>609</v>
      </c>
      <c r="T11" s="2"/>
      <c r="U11" s="2"/>
      <c r="V11" s="2"/>
      <c r="W11" s="2"/>
      <c r="X11" s="2"/>
      <c r="Y11" s="2"/>
      <c r="Z11" s="2"/>
      <c r="AA11" s="2"/>
      <c r="AB11" s="2"/>
      <c r="AC11" s="2"/>
      <c r="AE11" s="294"/>
    </row>
    <row r="12" spans="2:31" ht="24.95" customHeight="1" x14ac:dyDescent="0.15">
      <c r="B12" s="421"/>
      <c r="C12" s="392"/>
      <c r="D12" s="392"/>
      <c r="E12" s="422"/>
      <c r="F12" s="272" t="s">
        <v>0</v>
      </c>
      <c r="G12" s="148" t="s">
        <v>610</v>
      </c>
      <c r="H12" s="2"/>
      <c r="I12" s="2"/>
      <c r="J12" s="2"/>
      <c r="K12" s="2"/>
      <c r="L12" s="2"/>
      <c r="M12" s="2"/>
      <c r="N12" s="2"/>
      <c r="O12" s="2"/>
      <c r="R12" s="272" t="s">
        <v>0</v>
      </c>
      <c r="S12" s="148" t="s">
        <v>611</v>
      </c>
      <c r="T12" s="2"/>
      <c r="U12" s="2"/>
      <c r="V12" s="2"/>
      <c r="W12" s="2"/>
      <c r="X12" s="2"/>
      <c r="Y12" s="2"/>
      <c r="Z12" s="2"/>
      <c r="AA12" s="2"/>
      <c r="AB12" s="2"/>
      <c r="AC12" s="2"/>
      <c r="AE12" s="294"/>
    </row>
    <row r="13" spans="2:31" ht="24.95" customHeight="1" x14ac:dyDescent="0.15">
      <c r="B13" s="421"/>
      <c r="C13" s="392"/>
      <c r="D13" s="392"/>
      <c r="E13" s="422"/>
      <c r="F13" s="272" t="s">
        <v>0</v>
      </c>
      <c r="G13" s="2" t="s">
        <v>612</v>
      </c>
      <c r="H13" s="2"/>
      <c r="I13" s="2"/>
      <c r="J13" s="2"/>
      <c r="K13" s="2"/>
      <c r="L13" s="2"/>
      <c r="M13"/>
      <c r="N13" s="2"/>
      <c r="O13" s="2"/>
      <c r="R13" s="272" t="s">
        <v>0</v>
      </c>
      <c r="S13" s="2" t="s">
        <v>613</v>
      </c>
      <c r="T13" s="2"/>
      <c r="U13" s="2"/>
      <c r="V13" s="2"/>
      <c r="W13" s="2"/>
      <c r="X13" s="2"/>
      <c r="Y13" s="2"/>
      <c r="Z13" s="2"/>
      <c r="AA13" s="2"/>
      <c r="AB13" s="2"/>
      <c r="AC13" s="2"/>
      <c r="AE13" s="294"/>
    </row>
    <row r="14" spans="2:31" ht="24.95" customHeight="1" x14ac:dyDescent="0.15">
      <c r="B14" s="421"/>
      <c r="C14" s="392"/>
      <c r="D14" s="392"/>
      <c r="E14" s="422"/>
      <c r="F14" s="272" t="s">
        <v>0</v>
      </c>
      <c r="G14" s="2" t="s">
        <v>614</v>
      </c>
      <c r="H14" s="2"/>
      <c r="I14" s="2"/>
      <c r="J14" s="2"/>
      <c r="K14"/>
      <c r="L14" s="148"/>
      <c r="M14" s="243"/>
      <c r="N14" s="243"/>
      <c r="O14" s="148"/>
      <c r="R14" s="272"/>
      <c r="S14" s="2"/>
      <c r="T14" s="148"/>
      <c r="U14" s="148"/>
      <c r="V14" s="148"/>
      <c r="W14" s="148"/>
      <c r="X14" s="148"/>
      <c r="Y14" s="148"/>
      <c r="Z14" s="148"/>
      <c r="AA14" s="148"/>
      <c r="AB14" s="148"/>
      <c r="AC14" s="148"/>
      <c r="AE14" s="294"/>
    </row>
    <row r="15" spans="2:31" ht="24.95" customHeight="1" x14ac:dyDescent="0.15">
      <c r="B15" s="220" t="s">
        <v>122</v>
      </c>
      <c r="C15" s="220"/>
      <c r="D15" s="220"/>
      <c r="E15" s="220"/>
      <c r="F15" s="249" t="s">
        <v>0</v>
      </c>
      <c r="G15" s="315" t="s">
        <v>553</v>
      </c>
      <c r="H15" s="221"/>
      <c r="I15" s="221"/>
      <c r="J15" s="221"/>
      <c r="K15" s="221"/>
      <c r="L15" s="221"/>
      <c r="M15" s="221"/>
      <c r="N15" s="221"/>
      <c r="O15" s="221"/>
      <c r="P15" s="221"/>
      <c r="Q15" s="286"/>
      <c r="R15" s="250" t="s">
        <v>0</v>
      </c>
      <c r="S15" s="315" t="s">
        <v>554</v>
      </c>
      <c r="T15" s="221"/>
      <c r="U15" s="221"/>
      <c r="V15" s="221"/>
      <c r="W15" s="221"/>
      <c r="X15" s="221"/>
      <c r="Y15" s="221"/>
      <c r="Z15" s="221"/>
      <c r="AA15" s="221"/>
      <c r="AB15" s="221"/>
      <c r="AC15" s="221"/>
      <c r="AD15" s="286"/>
      <c r="AE15" s="287"/>
    </row>
    <row r="16" spans="2:31" ht="30.75" customHeight="1" x14ac:dyDescent="0.15"/>
    <row r="17" spans="2:31" x14ac:dyDescent="0.15">
      <c r="B17" s="277"/>
      <c r="C17" s="286"/>
      <c r="D17" s="286"/>
      <c r="E17" s="286"/>
      <c r="F17" s="286"/>
      <c r="G17" s="286"/>
      <c r="H17" s="286"/>
      <c r="I17" s="286"/>
      <c r="J17" s="286"/>
      <c r="K17" s="286"/>
      <c r="L17" s="286"/>
      <c r="M17" s="286"/>
      <c r="N17" s="286"/>
      <c r="O17" s="286"/>
      <c r="P17" s="286"/>
      <c r="Q17" s="286"/>
      <c r="R17" s="286"/>
      <c r="S17" s="286"/>
      <c r="T17" s="286"/>
      <c r="U17" s="286"/>
      <c r="V17" s="286"/>
      <c r="W17" s="286"/>
      <c r="X17" s="286"/>
      <c r="Y17" s="286"/>
      <c r="Z17" s="287"/>
      <c r="AA17" s="249"/>
      <c r="AB17" s="250" t="s">
        <v>94</v>
      </c>
      <c r="AC17" s="250" t="s">
        <v>95</v>
      </c>
      <c r="AD17" s="250" t="s">
        <v>96</v>
      </c>
      <c r="AE17" s="287"/>
    </row>
    <row r="18" spans="2:31" x14ac:dyDescent="0.15">
      <c r="B18" s="296" t="s">
        <v>555</v>
      </c>
      <c r="C18" s="297"/>
      <c r="D18" s="297"/>
      <c r="E18" s="297"/>
      <c r="F18" s="297"/>
      <c r="G18" s="297"/>
      <c r="H18" s="297"/>
      <c r="I18" s="297"/>
      <c r="J18" s="297"/>
      <c r="K18" s="297"/>
      <c r="L18" s="297"/>
      <c r="M18" s="297"/>
      <c r="N18" s="297"/>
      <c r="O18" s="297"/>
      <c r="P18" s="297"/>
      <c r="Q18" s="297"/>
      <c r="R18" s="297"/>
      <c r="S18" s="297"/>
      <c r="T18" s="297"/>
      <c r="U18" s="297"/>
      <c r="V18" s="297"/>
      <c r="W18" s="297"/>
      <c r="X18" s="297"/>
      <c r="Y18" s="297"/>
      <c r="Z18" s="324"/>
      <c r="AA18" s="252"/>
      <c r="AB18" s="253"/>
      <c r="AC18" s="253"/>
      <c r="AD18" s="297"/>
      <c r="AE18" s="298"/>
    </row>
    <row r="19" spans="2:31" x14ac:dyDescent="0.15">
      <c r="B19" s="295"/>
      <c r="C19" s="222" t="s">
        <v>556</v>
      </c>
      <c r="D19" s="290" t="s">
        <v>615</v>
      </c>
      <c r="Z19" s="184"/>
      <c r="AA19" s="338"/>
      <c r="AB19" s="272" t="s">
        <v>0</v>
      </c>
      <c r="AC19" s="272" t="s">
        <v>95</v>
      </c>
      <c r="AD19" s="272" t="s">
        <v>0</v>
      </c>
      <c r="AE19" s="294"/>
    </row>
    <row r="20" spans="2:31" x14ac:dyDescent="0.15">
      <c r="B20" s="295"/>
      <c r="D20" s="290" t="s">
        <v>557</v>
      </c>
      <c r="Z20" s="88"/>
      <c r="AA20" s="291"/>
      <c r="AB20" s="272"/>
      <c r="AC20" s="272"/>
      <c r="AE20" s="294"/>
    </row>
    <row r="21" spans="2:31" x14ac:dyDescent="0.15">
      <c r="B21" s="295"/>
      <c r="Z21" s="88"/>
      <c r="AA21" s="291"/>
      <c r="AB21" s="272"/>
      <c r="AC21" s="272"/>
      <c r="AE21" s="294"/>
    </row>
    <row r="22" spans="2:31" ht="13.5" customHeight="1" x14ac:dyDescent="0.15">
      <c r="B22" s="295"/>
      <c r="D22" s="314" t="s">
        <v>616</v>
      </c>
      <c r="E22" s="315"/>
      <c r="F22" s="315"/>
      <c r="G22" s="315"/>
      <c r="H22" s="315"/>
      <c r="I22" s="315"/>
      <c r="J22" s="315"/>
      <c r="K22" s="315"/>
      <c r="L22" s="315"/>
      <c r="M22" s="315"/>
      <c r="N22" s="315"/>
      <c r="O22" s="286"/>
      <c r="P22" s="286"/>
      <c r="Q22" s="286"/>
      <c r="R22" s="286"/>
      <c r="S22" s="315"/>
      <c r="T22" s="315"/>
      <c r="U22" s="398"/>
      <c r="V22" s="399"/>
      <c r="W22" s="399"/>
      <c r="X22" s="286" t="s">
        <v>559</v>
      </c>
      <c r="Y22" s="295"/>
      <c r="Z22" s="88"/>
      <c r="AA22" s="291"/>
      <c r="AB22" s="272"/>
      <c r="AC22" s="272"/>
      <c r="AE22" s="294"/>
    </row>
    <row r="23" spans="2:31" x14ac:dyDescent="0.15">
      <c r="B23" s="295"/>
      <c r="D23" s="314" t="s">
        <v>584</v>
      </c>
      <c r="E23" s="315"/>
      <c r="F23" s="315"/>
      <c r="G23" s="315"/>
      <c r="H23" s="315"/>
      <c r="I23" s="315"/>
      <c r="J23" s="315"/>
      <c r="K23" s="315"/>
      <c r="L23" s="315"/>
      <c r="M23" s="315"/>
      <c r="N23" s="315"/>
      <c r="O23" s="286"/>
      <c r="P23" s="286"/>
      <c r="Q23" s="286"/>
      <c r="R23" s="286"/>
      <c r="S23" s="315"/>
      <c r="T23" s="315"/>
      <c r="U23" s="398"/>
      <c r="V23" s="399"/>
      <c r="W23" s="399"/>
      <c r="X23" s="286" t="s">
        <v>559</v>
      </c>
      <c r="Y23" s="295"/>
      <c r="Z23" s="294"/>
      <c r="AA23" s="291"/>
      <c r="AB23" s="272"/>
      <c r="AC23" s="272"/>
      <c r="AE23" s="294"/>
    </row>
    <row r="24" spans="2:31" x14ac:dyDescent="0.15">
      <c r="B24" s="295"/>
      <c r="D24" s="314" t="s">
        <v>560</v>
      </c>
      <c r="E24" s="315"/>
      <c r="F24" s="315"/>
      <c r="G24" s="315"/>
      <c r="H24" s="315"/>
      <c r="I24" s="315"/>
      <c r="J24" s="315"/>
      <c r="K24" s="315"/>
      <c r="L24" s="315"/>
      <c r="M24" s="315"/>
      <c r="N24" s="315"/>
      <c r="O24" s="286"/>
      <c r="P24" s="286"/>
      <c r="Q24" s="286"/>
      <c r="R24" s="286"/>
      <c r="S24" s="315"/>
      <c r="T24" s="223" t="str">
        <f>(IFERROR(ROUNDDOWN(T23/T22*100,0),""))</f>
        <v/>
      </c>
      <c r="U24" s="434" t="str">
        <f>(IFERROR(ROUNDDOWN(U23/U22*100,0),""))</f>
        <v/>
      </c>
      <c r="V24" s="435"/>
      <c r="W24" s="435"/>
      <c r="X24" s="286" t="s">
        <v>60</v>
      </c>
      <c r="Y24" s="295"/>
      <c r="Z24" s="292"/>
      <c r="AA24" s="291"/>
      <c r="AB24" s="272"/>
      <c r="AC24" s="272"/>
      <c r="AE24" s="294"/>
    </row>
    <row r="25" spans="2:31" x14ac:dyDescent="0.15">
      <c r="B25" s="295"/>
      <c r="D25" s="290" t="s">
        <v>617</v>
      </c>
      <c r="Z25" s="292"/>
      <c r="AA25" s="291"/>
      <c r="AB25" s="272"/>
      <c r="AC25" s="272"/>
      <c r="AE25" s="294"/>
    </row>
    <row r="26" spans="2:31" x14ac:dyDescent="0.15">
      <c r="B26" s="295"/>
      <c r="E26" s="290" t="s">
        <v>618</v>
      </c>
      <c r="Z26" s="292"/>
      <c r="AA26" s="291"/>
      <c r="AB26" s="272"/>
      <c r="AC26" s="272"/>
      <c r="AE26" s="294"/>
    </row>
    <row r="27" spans="2:31" x14ac:dyDescent="0.15">
      <c r="B27" s="295"/>
      <c r="Z27" s="292"/>
      <c r="AA27" s="291"/>
      <c r="AB27" s="272"/>
      <c r="AC27" s="272"/>
      <c r="AE27" s="294"/>
    </row>
    <row r="28" spans="2:31" x14ac:dyDescent="0.15">
      <c r="B28" s="295"/>
      <c r="C28" s="222" t="s">
        <v>562</v>
      </c>
      <c r="D28" s="290" t="s">
        <v>619</v>
      </c>
      <c r="Z28" s="184"/>
      <c r="AA28" s="291"/>
      <c r="AB28" s="272" t="s">
        <v>0</v>
      </c>
      <c r="AC28" s="272" t="s">
        <v>95</v>
      </c>
      <c r="AD28" s="272" t="s">
        <v>0</v>
      </c>
      <c r="AE28" s="294"/>
    </row>
    <row r="29" spans="2:31" x14ac:dyDescent="0.15">
      <c r="B29" s="295"/>
      <c r="C29" s="222"/>
      <c r="D29" s="290" t="s">
        <v>563</v>
      </c>
      <c r="Z29" s="184"/>
      <c r="AA29" s="291"/>
      <c r="AB29" s="272"/>
      <c r="AC29" s="272"/>
      <c r="AD29" s="272"/>
      <c r="AE29" s="294"/>
    </row>
    <row r="30" spans="2:31" x14ac:dyDescent="0.15">
      <c r="B30" s="295"/>
      <c r="C30" s="222"/>
      <c r="D30" s="290" t="s">
        <v>564</v>
      </c>
      <c r="Z30" s="184"/>
      <c r="AA30" s="338"/>
      <c r="AB30" s="272"/>
      <c r="AC30" s="335"/>
      <c r="AE30" s="294"/>
    </row>
    <row r="31" spans="2:31" x14ac:dyDescent="0.15">
      <c r="B31" s="295"/>
      <c r="Z31" s="292"/>
      <c r="AA31" s="291"/>
      <c r="AB31" s="272"/>
      <c r="AC31" s="272"/>
      <c r="AE31" s="294"/>
    </row>
    <row r="32" spans="2:31" ht="13.5" customHeight="1" x14ac:dyDescent="0.15">
      <c r="B32" s="295"/>
      <c r="C32" s="222"/>
      <c r="D32" s="314" t="s">
        <v>565</v>
      </c>
      <c r="E32" s="315"/>
      <c r="F32" s="315"/>
      <c r="G32" s="315"/>
      <c r="H32" s="315"/>
      <c r="I32" s="315"/>
      <c r="J32" s="315"/>
      <c r="K32" s="315"/>
      <c r="L32" s="315"/>
      <c r="M32" s="315"/>
      <c r="N32" s="315"/>
      <c r="O32" s="286"/>
      <c r="P32" s="286"/>
      <c r="Q32" s="286"/>
      <c r="R32" s="286"/>
      <c r="S32" s="286"/>
      <c r="T32" s="287"/>
      <c r="U32" s="398"/>
      <c r="V32" s="399"/>
      <c r="W32" s="399"/>
      <c r="X32" s="287" t="s">
        <v>559</v>
      </c>
      <c r="Y32" s="295"/>
      <c r="Z32" s="292"/>
      <c r="AA32" s="291"/>
      <c r="AB32" s="272"/>
      <c r="AC32" s="272"/>
      <c r="AE32" s="294"/>
    </row>
    <row r="33" spans="2:32" x14ac:dyDescent="0.15">
      <c r="B33" s="295"/>
      <c r="C33" s="222"/>
      <c r="D33" s="2"/>
      <c r="E33" s="2"/>
      <c r="F33" s="2"/>
      <c r="G33" s="2"/>
      <c r="H33" s="2"/>
      <c r="I33" s="2"/>
      <c r="J33" s="2"/>
      <c r="K33" s="2"/>
      <c r="L33" s="2"/>
      <c r="M33" s="2"/>
      <c r="N33" s="2"/>
      <c r="U33" s="272"/>
      <c r="V33" s="272"/>
      <c r="W33" s="272"/>
      <c r="Z33" s="292"/>
      <c r="AA33" s="291"/>
      <c r="AB33" s="272"/>
      <c r="AC33" s="272"/>
      <c r="AE33" s="294"/>
    </row>
    <row r="34" spans="2:32" ht="13.5" customHeight="1" x14ac:dyDescent="0.15">
      <c r="B34" s="295"/>
      <c r="C34" s="222"/>
      <c r="E34" s="138" t="s">
        <v>566</v>
      </c>
      <c r="Z34" s="292"/>
      <c r="AA34" s="291"/>
      <c r="AB34" s="272"/>
      <c r="AC34" s="272"/>
      <c r="AE34" s="294"/>
    </row>
    <row r="35" spans="2:32" x14ac:dyDescent="0.15">
      <c r="B35" s="295"/>
      <c r="C35" s="222"/>
      <c r="E35" s="433" t="s">
        <v>620</v>
      </c>
      <c r="F35" s="433"/>
      <c r="G35" s="433"/>
      <c r="H35" s="433"/>
      <c r="I35" s="433"/>
      <c r="J35" s="433"/>
      <c r="K35" s="433"/>
      <c r="L35" s="433"/>
      <c r="M35" s="433"/>
      <c r="N35" s="433"/>
      <c r="O35" s="433" t="s">
        <v>567</v>
      </c>
      <c r="P35" s="433"/>
      <c r="Q35" s="433"/>
      <c r="R35" s="433"/>
      <c r="S35" s="433"/>
      <c r="Z35" s="292"/>
      <c r="AA35" s="291"/>
      <c r="AB35" s="272"/>
      <c r="AC35" s="272"/>
      <c r="AE35" s="294"/>
    </row>
    <row r="36" spans="2:32" x14ac:dyDescent="0.15">
      <c r="B36" s="295"/>
      <c r="C36" s="222"/>
      <c r="E36" s="433" t="s">
        <v>568</v>
      </c>
      <c r="F36" s="433"/>
      <c r="G36" s="433"/>
      <c r="H36" s="433"/>
      <c r="I36" s="433"/>
      <c r="J36" s="433"/>
      <c r="K36" s="433"/>
      <c r="L36" s="433"/>
      <c r="M36" s="433"/>
      <c r="N36" s="433"/>
      <c r="O36" s="433" t="s">
        <v>569</v>
      </c>
      <c r="P36" s="433"/>
      <c r="Q36" s="433"/>
      <c r="R36" s="433"/>
      <c r="S36" s="433"/>
      <c r="Z36" s="292"/>
      <c r="AA36" s="291"/>
      <c r="AB36" s="272"/>
      <c r="AC36" s="272"/>
      <c r="AE36" s="294"/>
    </row>
    <row r="37" spans="2:32" x14ac:dyDescent="0.15">
      <c r="B37" s="295"/>
      <c r="C37" s="222"/>
      <c r="E37" s="433" t="s">
        <v>570</v>
      </c>
      <c r="F37" s="433"/>
      <c r="G37" s="433"/>
      <c r="H37" s="433"/>
      <c r="I37" s="433"/>
      <c r="J37" s="433"/>
      <c r="K37" s="433"/>
      <c r="L37" s="433"/>
      <c r="M37" s="433"/>
      <c r="N37" s="433"/>
      <c r="O37" s="433" t="s">
        <v>571</v>
      </c>
      <c r="P37" s="433"/>
      <c r="Q37" s="433"/>
      <c r="R37" s="433"/>
      <c r="S37" s="433"/>
      <c r="Z37" s="292"/>
      <c r="AA37" s="291"/>
      <c r="AB37" s="272"/>
      <c r="AC37" s="272"/>
      <c r="AE37" s="294"/>
    </row>
    <row r="38" spans="2:32" x14ac:dyDescent="0.15">
      <c r="B38" s="295"/>
      <c r="C38" s="222"/>
      <c r="D38" s="294"/>
      <c r="E38" s="440" t="s">
        <v>572</v>
      </c>
      <c r="F38" s="433"/>
      <c r="G38" s="433"/>
      <c r="H38" s="433"/>
      <c r="I38" s="433"/>
      <c r="J38" s="433"/>
      <c r="K38" s="433"/>
      <c r="L38" s="433"/>
      <c r="M38" s="433"/>
      <c r="N38" s="433"/>
      <c r="O38" s="433" t="s">
        <v>434</v>
      </c>
      <c r="P38" s="433"/>
      <c r="Q38" s="433"/>
      <c r="R38" s="433"/>
      <c r="S38" s="436"/>
      <c r="T38" s="295"/>
      <c r="Z38" s="292"/>
      <c r="AA38" s="291"/>
      <c r="AB38" s="272"/>
      <c r="AC38" s="272"/>
      <c r="AE38" s="294"/>
    </row>
    <row r="39" spans="2:32" x14ac:dyDescent="0.15">
      <c r="B39" s="295"/>
      <c r="C39" s="222"/>
      <c r="E39" s="437" t="s">
        <v>573</v>
      </c>
      <c r="F39" s="437"/>
      <c r="G39" s="437"/>
      <c r="H39" s="437"/>
      <c r="I39" s="437"/>
      <c r="J39" s="437"/>
      <c r="K39" s="437"/>
      <c r="L39" s="437"/>
      <c r="M39" s="437"/>
      <c r="N39" s="437"/>
      <c r="O39" s="437" t="s">
        <v>574</v>
      </c>
      <c r="P39" s="437"/>
      <c r="Q39" s="437"/>
      <c r="R39" s="437"/>
      <c r="S39" s="437"/>
      <c r="Z39" s="292"/>
      <c r="AA39" s="291"/>
      <c r="AB39" s="272"/>
      <c r="AC39" s="272"/>
      <c r="AE39" s="294"/>
      <c r="AF39" s="295"/>
    </row>
    <row r="40" spans="2:32" x14ac:dyDescent="0.15">
      <c r="B40" s="295"/>
      <c r="C40" s="222"/>
      <c r="E40" s="433" t="s">
        <v>575</v>
      </c>
      <c r="F40" s="433"/>
      <c r="G40" s="433"/>
      <c r="H40" s="433"/>
      <c r="I40" s="433"/>
      <c r="J40" s="433"/>
      <c r="K40" s="433"/>
      <c r="L40" s="433"/>
      <c r="M40" s="433"/>
      <c r="N40" s="433"/>
      <c r="O40" s="433" t="s">
        <v>433</v>
      </c>
      <c r="P40" s="433"/>
      <c r="Q40" s="433"/>
      <c r="R40" s="433"/>
      <c r="S40" s="433"/>
      <c r="Z40" s="292"/>
      <c r="AA40" s="291"/>
      <c r="AB40" s="272"/>
      <c r="AC40" s="272"/>
      <c r="AE40" s="294"/>
    </row>
    <row r="41" spans="2:32" x14ac:dyDescent="0.15">
      <c r="B41" s="295"/>
      <c r="C41" s="222"/>
      <c r="E41" s="433" t="s">
        <v>576</v>
      </c>
      <c r="F41" s="433"/>
      <c r="G41" s="433"/>
      <c r="H41" s="433"/>
      <c r="I41" s="433"/>
      <c r="J41" s="433"/>
      <c r="K41" s="433"/>
      <c r="L41" s="433"/>
      <c r="M41" s="433"/>
      <c r="N41" s="433"/>
      <c r="O41" s="433" t="s">
        <v>577</v>
      </c>
      <c r="P41" s="433"/>
      <c r="Q41" s="433"/>
      <c r="R41" s="433"/>
      <c r="S41" s="433"/>
      <c r="Z41" s="292"/>
      <c r="AA41" s="291"/>
      <c r="AB41" s="272"/>
      <c r="AC41" s="272"/>
      <c r="AE41" s="294"/>
    </row>
    <row r="42" spans="2:32" x14ac:dyDescent="0.15">
      <c r="B42" s="295"/>
      <c r="C42" s="222"/>
      <c r="E42" s="433" t="s">
        <v>578</v>
      </c>
      <c r="F42" s="433"/>
      <c r="G42" s="433"/>
      <c r="H42" s="433"/>
      <c r="I42" s="433"/>
      <c r="J42" s="433"/>
      <c r="K42" s="433"/>
      <c r="L42" s="433"/>
      <c r="M42" s="433"/>
      <c r="N42" s="433"/>
      <c r="O42" s="433" t="s">
        <v>578</v>
      </c>
      <c r="P42" s="433"/>
      <c r="Q42" s="433"/>
      <c r="R42" s="433"/>
      <c r="S42" s="433"/>
      <c r="Z42" s="88"/>
      <c r="AA42" s="291"/>
      <c r="AB42" s="272"/>
      <c r="AC42" s="272"/>
      <c r="AE42" s="294"/>
    </row>
    <row r="43" spans="2:32" x14ac:dyDescent="0.15">
      <c r="B43" s="295"/>
      <c r="C43" s="222"/>
      <c r="J43" s="392"/>
      <c r="K43" s="392"/>
      <c r="L43" s="392"/>
      <c r="M43" s="392"/>
      <c r="N43" s="392"/>
      <c r="O43" s="392"/>
      <c r="P43" s="392"/>
      <c r="Q43" s="392"/>
      <c r="R43" s="392"/>
      <c r="S43" s="392"/>
      <c r="T43" s="392"/>
      <c r="U43" s="392"/>
      <c r="V43" s="392"/>
      <c r="Z43" s="88"/>
      <c r="AA43" s="291"/>
      <c r="AB43" s="272"/>
      <c r="AC43" s="272"/>
      <c r="AE43" s="294"/>
    </row>
    <row r="44" spans="2:32" x14ac:dyDescent="0.15">
      <c r="B44" s="295"/>
      <c r="C44" s="222" t="s">
        <v>579</v>
      </c>
      <c r="D44" s="290" t="s">
        <v>580</v>
      </c>
      <c r="Z44" s="184"/>
      <c r="AA44" s="338"/>
      <c r="AB44" s="272" t="s">
        <v>0</v>
      </c>
      <c r="AC44" s="272" t="s">
        <v>95</v>
      </c>
      <c r="AD44" s="272" t="s">
        <v>0</v>
      </c>
      <c r="AE44" s="294"/>
    </row>
    <row r="45" spans="2:32" ht="14.25" customHeight="1" x14ac:dyDescent="0.15">
      <c r="B45" s="295"/>
      <c r="D45" s="290" t="s">
        <v>581</v>
      </c>
      <c r="Z45" s="292"/>
      <c r="AA45" s="291"/>
      <c r="AB45" s="272"/>
      <c r="AC45" s="272"/>
      <c r="AE45" s="294"/>
    </row>
    <row r="46" spans="2:32" x14ac:dyDescent="0.15">
      <c r="B46" s="295"/>
      <c r="Z46" s="88"/>
      <c r="AA46" s="291"/>
      <c r="AB46" s="272"/>
      <c r="AC46" s="272"/>
      <c r="AE46" s="294"/>
    </row>
    <row r="47" spans="2:32" x14ac:dyDescent="0.15">
      <c r="B47" s="295" t="s">
        <v>582</v>
      </c>
      <c r="Z47" s="292"/>
      <c r="AA47" s="291"/>
      <c r="AB47" s="272"/>
      <c r="AC47" s="272"/>
      <c r="AE47" s="294"/>
    </row>
    <row r="48" spans="2:32" x14ac:dyDescent="0.15">
      <c r="B48" s="295"/>
      <c r="C48" s="222" t="s">
        <v>556</v>
      </c>
      <c r="D48" s="290" t="s">
        <v>621</v>
      </c>
      <c r="Z48" s="184"/>
      <c r="AA48" s="338"/>
      <c r="AB48" s="272" t="s">
        <v>0</v>
      </c>
      <c r="AC48" s="272" t="s">
        <v>95</v>
      </c>
      <c r="AD48" s="272" t="s">
        <v>0</v>
      </c>
      <c r="AE48" s="294"/>
    </row>
    <row r="49" spans="2:36" ht="17.25" customHeight="1" x14ac:dyDescent="0.15">
      <c r="B49" s="295"/>
      <c r="D49" s="290" t="s">
        <v>622</v>
      </c>
      <c r="Z49" s="292"/>
      <c r="AA49" s="291"/>
      <c r="AB49" s="272"/>
      <c r="AC49" s="272"/>
      <c r="AE49" s="294"/>
    </row>
    <row r="50" spans="2:36" ht="18.75" customHeight="1" x14ac:dyDescent="0.15">
      <c r="B50" s="295"/>
      <c r="W50" s="274"/>
      <c r="Z50" s="294"/>
      <c r="AA50" s="291"/>
      <c r="AB50" s="272"/>
      <c r="AC50" s="272"/>
      <c r="AE50" s="294"/>
      <c r="AJ50" s="260"/>
    </row>
    <row r="51" spans="2:36" ht="13.5" customHeight="1" x14ac:dyDescent="0.15">
      <c r="B51" s="295"/>
      <c r="C51" s="222" t="s">
        <v>562</v>
      </c>
      <c r="D51" s="290" t="s">
        <v>585</v>
      </c>
      <c r="Z51" s="184"/>
      <c r="AA51" s="338"/>
      <c r="AB51" s="272" t="s">
        <v>0</v>
      </c>
      <c r="AC51" s="272" t="s">
        <v>95</v>
      </c>
      <c r="AD51" s="272" t="s">
        <v>0</v>
      </c>
      <c r="AE51" s="294"/>
    </row>
    <row r="52" spans="2:36" x14ac:dyDescent="0.15">
      <c r="B52" s="295"/>
      <c r="D52" s="290" t="s">
        <v>623</v>
      </c>
      <c r="E52" s="2"/>
      <c r="F52" s="2"/>
      <c r="G52" s="2"/>
      <c r="H52" s="2"/>
      <c r="I52" s="2"/>
      <c r="J52" s="2"/>
      <c r="K52" s="2"/>
      <c r="L52" s="2"/>
      <c r="M52" s="2"/>
      <c r="N52" s="2"/>
      <c r="O52" s="260"/>
      <c r="P52" s="260"/>
      <c r="Q52" s="260"/>
      <c r="Z52" s="292"/>
      <c r="AA52" s="291"/>
      <c r="AB52" s="272"/>
      <c r="AC52" s="272"/>
      <c r="AE52" s="294"/>
    </row>
    <row r="53" spans="2:36" x14ac:dyDescent="0.15">
      <c r="B53" s="295"/>
      <c r="D53" s="272"/>
      <c r="E53" s="438"/>
      <c r="F53" s="438"/>
      <c r="G53" s="438"/>
      <c r="H53" s="438"/>
      <c r="I53" s="438"/>
      <c r="J53" s="438"/>
      <c r="K53" s="438"/>
      <c r="L53" s="438"/>
      <c r="M53" s="438"/>
      <c r="N53" s="438"/>
      <c r="Q53" s="272"/>
      <c r="S53" s="274"/>
      <c r="T53" s="274"/>
      <c r="U53" s="274"/>
      <c r="V53" s="274"/>
      <c r="Z53" s="88"/>
      <c r="AA53" s="291"/>
      <c r="AB53" s="272"/>
      <c r="AC53" s="272"/>
      <c r="AE53" s="294"/>
    </row>
    <row r="54" spans="2:36" x14ac:dyDescent="0.15">
      <c r="B54" s="295"/>
      <c r="C54" s="222" t="s">
        <v>579</v>
      </c>
      <c r="D54" s="290" t="s">
        <v>624</v>
      </c>
      <c r="Z54" s="184"/>
      <c r="AA54" s="338"/>
      <c r="AB54" s="272" t="s">
        <v>0</v>
      </c>
      <c r="AC54" s="272" t="s">
        <v>95</v>
      </c>
      <c r="AD54" s="272" t="s">
        <v>0</v>
      </c>
      <c r="AE54" s="294"/>
    </row>
    <row r="55" spans="2:36" x14ac:dyDescent="0.15">
      <c r="B55" s="299"/>
      <c r="C55" s="224"/>
      <c r="D55" s="259" t="s">
        <v>589</v>
      </c>
      <c r="E55" s="259"/>
      <c r="F55" s="259"/>
      <c r="G55" s="259"/>
      <c r="H55" s="259"/>
      <c r="I55" s="259"/>
      <c r="J55" s="259"/>
      <c r="K55" s="259"/>
      <c r="L55" s="259"/>
      <c r="M55" s="259"/>
      <c r="N55" s="259"/>
      <c r="O55" s="259"/>
      <c r="P55" s="259"/>
      <c r="Q55" s="259"/>
      <c r="R55" s="259"/>
      <c r="S55" s="259"/>
      <c r="T55" s="259"/>
      <c r="U55" s="259"/>
      <c r="V55" s="259"/>
      <c r="W55" s="259"/>
      <c r="X55" s="259"/>
      <c r="Y55" s="259"/>
      <c r="Z55" s="300"/>
      <c r="AA55" s="255"/>
      <c r="AB55" s="256"/>
      <c r="AC55" s="256"/>
      <c r="AD55" s="259"/>
      <c r="AE55" s="300"/>
    </row>
    <row r="56" spans="2:36" x14ac:dyDescent="0.15">
      <c r="B56" s="290" t="s">
        <v>590</v>
      </c>
    </row>
    <row r="57" spans="2:36" x14ac:dyDescent="0.15">
      <c r="C57" s="290" t="s">
        <v>591</v>
      </c>
    </row>
    <row r="58" spans="2:36" x14ac:dyDescent="0.15">
      <c r="B58" s="290" t="s">
        <v>592</v>
      </c>
    </row>
    <row r="59" spans="2:36" x14ac:dyDescent="0.15">
      <c r="C59" s="290" t="s">
        <v>593</v>
      </c>
    </row>
    <row r="60" spans="2:36" x14ac:dyDescent="0.15">
      <c r="C60" s="290" t="s">
        <v>594</v>
      </c>
    </row>
    <row r="61" spans="2:36" x14ac:dyDescent="0.15">
      <c r="C61" s="290" t="s">
        <v>595</v>
      </c>
      <c r="K61" s="290" t="s">
        <v>596</v>
      </c>
    </row>
    <row r="62" spans="2:36" x14ac:dyDescent="0.15">
      <c r="K62" s="290" t="s">
        <v>597</v>
      </c>
    </row>
    <row r="63" spans="2:36" x14ac:dyDescent="0.15">
      <c r="K63" s="290" t="s">
        <v>598</v>
      </c>
    </row>
    <row r="64" spans="2:36" x14ac:dyDescent="0.15">
      <c r="K64" s="290" t="s">
        <v>599</v>
      </c>
    </row>
    <row r="65" spans="2:11" x14ac:dyDescent="0.15">
      <c r="K65" s="290" t="s">
        <v>600</v>
      </c>
    </row>
    <row r="66" spans="2:11" x14ac:dyDescent="0.15">
      <c r="B66" s="290" t="s">
        <v>601</v>
      </c>
    </row>
    <row r="67" spans="2:11" x14ac:dyDescent="0.15">
      <c r="C67" s="290" t="s">
        <v>602</v>
      </c>
    </row>
    <row r="68" spans="2:11" x14ac:dyDescent="0.15">
      <c r="C68" s="290" t="s">
        <v>603</v>
      </c>
    </row>
    <row r="69" spans="2:11" x14ac:dyDescent="0.15">
      <c r="C69" s="290" t="s">
        <v>604</v>
      </c>
    </row>
    <row r="81" spans="12:12" x14ac:dyDescent="0.15">
      <c r="L81" s="258"/>
    </row>
    <row r="122" spans="3:7" x14ac:dyDescent="0.15">
      <c r="C122" s="259"/>
      <c r="D122" s="259"/>
      <c r="E122" s="259"/>
      <c r="F122" s="259"/>
      <c r="G122" s="259"/>
    </row>
    <row r="123" spans="3:7" x14ac:dyDescent="0.15">
      <c r="C123" s="297"/>
    </row>
  </sheetData>
  <mergeCells count="28">
    <mergeCell ref="J43:S43"/>
    <mergeCell ref="T43:V43"/>
    <mergeCell ref="E53:N53"/>
    <mergeCell ref="E40:N40"/>
    <mergeCell ref="O40:S40"/>
    <mergeCell ref="E41:N41"/>
    <mergeCell ref="O41:S41"/>
    <mergeCell ref="E42:N42"/>
    <mergeCell ref="O42:S42"/>
    <mergeCell ref="E37:N37"/>
    <mergeCell ref="O37:S37"/>
    <mergeCell ref="E38:N38"/>
    <mergeCell ref="O38:S38"/>
    <mergeCell ref="E39:N39"/>
    <mergeCell ref="O39:S39"/>
    <mergeCell ref="E36:N36"/>
    <mergeCell ref="O36:S36"/>
    <mergeCell ref="Y3:Z3"/>
    <mergeCell ref="B5:AE5"/>
    <mergeCell ref="B6:AD6"/>
    <mergeCell ref="F8:AE8"/>
    <mergeCell ref="B10:E14"/>
    <mergeCell ref="U22:W22"/>
    <mergeCell ref="U23:W23"/>
    <mergeCell ref="U24:W24"/>
    <mergeCell ref="U32:W32"/>
    <mergeCell ref="E35:N35"/>
    <mergeCell ref="O35:S35"/>
  </mergeCells>
  <phoneticPr fontId="1"/>
  <dataValidations count="1">
    <dataValidation type="list" allowBlank="1" showInputMessage="1" showErrorMessage="1" sqref="K9 Q9 AB19 AD19 AB28:AB29 AD28:AD29 AB44 AD44 AB48 AD48 AB51 AD51 AB54 AD54 R10:R15 F9:F15">
      <formula1>"□,■"</formula1>
    </dataValidation>
  </dataValidations>
  <pageMargins left="0.70866141732283472" right="0.70866141732283472" top="0.74803149606299213" bottom="0.74803149606299213" header="0.31496062992125984" footer="0.31496062992125984"/>
  <pageSetup paperSize="9" scale="7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B123"/>
  <sheetViews>
    <sheetView zoomScaleNormal="100" zoomScaleSheetLayoutView="130" workbookViewId="0">
      <selection activeCell="F61" sqref="F61"/>
    </sheetView>
  </sheetViews>
  <sheetFormatPr defaultColWidth="4" defaultRowHeight="13.5" x14ac:dyDescent="0.15"/>
  <cols>
    <col min="1" max="1" width="1.5" style="290" customWidth="1"/>
    <col min="2" max="2" width="2.375" style="290" customWidth="1"/>
    <col min="3" max="3" width="1.125" style="290" customWidth="1"/>
    <col min="4" max="20" width="4" style="290"/>
    <col min="21" max="21" width="2.375" style="290" customWidth="1"/>
    <col min="22" max="22" width="4" style="290"/>
    <col min="23" max="23" width="2.25" style="290" customWidth="1"/>
    <col min="24" max="24" width="4" style="290"/>
    <col min="25" max="25" width="2.375" style="290" customWidth="1"/>
    <col min="26" max="26" width="1.5" style="290" customWidth="1"/>
    <col min="27" max="16384" width="4" style="290"/>
  </cols>
  <sheetData>
    <row r="2" spans="2:28" x14ac:dyDescent="0.15">
      <c r="B2" s="290" t="s">
        <v>436</v>
      </c>
      <c r="C2"/>
      <c r="D2"/>
      <c r="E2"/>
      <c r="F2"/>
      <c r="G2"/>
      <c r="H2"/>
      <c r="I2"/>
      <c r="J2"/>
      <c r="K2"/>
      <c r="L2"/>
      <c r="M2"/>
      <c r="N2"/>
      <c r="O2"/>
      <c r="P2"/>
      <c r="Q2"/>
      <c r="R2"/>
      <c r="S2"/>
      <c r="T2"/>
      <c r="U2"/>
      <c r="V2"/>
      <c r="W2"/>
      <c r="X2"/>
      <c r="Y2"/>
    </row>
    <row r="4" spans="2:28" x14ac:dyDescent="0.15">
      <c r="B4" s="392" t="s">
        <v>254</v>
      </c>
      <c r="C4" s="392"/>
      <c r="D4" s="392"/>
      <c r="E4" s="392"/>
      <c r="F4" s="392"/>
      <c r="G4" s="392"/>
      <c r="H4" s="392"/>
      <c r="I4" s="392"/>
      <c r="J4" s="392"/>
      <c r="K4" s="392"/>
      <c r="L4" s="392"/>
      <c r="M4" s="392"/>
      <c r="N4" s="392"/>
      <c r="O4" s="392"/>
      <c r="P4" s="392"/>
      <c r="Q4" s="392"/>
      <c r="R4" s="392"/>
      <c r="S4" s="392"/>
      <c r="T4" s="392"/>
      <c r="U4" s="392"/>
      <c r="V4" s="392"/>
      <c r="W4" s="392"/>
      <c r="X4" s="392"/>
      <c r="Y4" s="392"/>
    </row>
    <row r="5" spans="2:28" x14ac:dyDescent="0.15">
      <c r="B5" s="392" t="s">
        <v>255</v>
      </c>
      <c r="C5" s="392"/>
      <c r="D5" s="392"/>
      <c r="E5" s="392"/>
      <c r="F5" s="392"/>
      <c r="G5" s="392"/>
      <c r="H5" s="392"/>
      <c r="I5" s="392"/>
      <c r="J5" s="392"/>
      <c r="K5" s="392"/>
      <c r="L5" s="392"/>
      <c r="M5" s="392"/>
      <c r="N5" s="392"/>
      <c r="O5" s="392"/>
      <c r="P5" s="392"/>
      <c r="Q5" s="392"/>
      <c r="R5" s="392"/>
      <c r="S5" s="392"/>
      <c r="T5" s="392"/>
      <c r="U5" s="392"/>
      <c r="V5" s="392"/>
      <c r="W5" s="392"/>
      <c r="X5" s="392"/>
      <c r="Y5" s="392"/>
    </row>
    <row r="6" spans="2:28" ht="12.75" customHeight="1" x14ac:dyDescent="0.15"/>
    <row r="7" spans="2:28" ht="23.25" customHeight="1" x14ac:dyDescent="0.15">
      <c r="B7" s="393" t="s">
        <v>115</v>
      </c>
      <c r="C7" s="393"/>
      <c r="D7" s="393"/>
      <c r="E7" s="393"/>
      <c r="F7" s="393"/>
      <c r="G7" s="394"/>
      <c r="H7" s="395"/>
      <c r="I7" s="395"/>
      <c r="J7" s="395"/>
      <c r="K7" s="395"/>
      <c r="L7" s="395"/>
      <c r="M7" s="395"/>
      <c r="N7" s="395"/>
      <c r="O7" s="395"/>
      <c r="P7" s="395"/>
      <c r="Q7" s="395"/>
      <c r="R7" s="395"/>
      <c r="S7" s="395"/>
      <c r="T7" s="395"/>
      <c r="U7" s="395"/>
      <c r="V7" s="395"/>
      <c r="W7" s="395"/>
      <c r="X7" s="395"/>
      <c r="Y7" s="396"/>
    </row>
    <row r="8" spans="2:28" ht="26.25" customHeight="1" x14ac:dyDescent="0.15">
      <c r="B8" s="393" t="s">
        <v>116</v>
      </c>
      <c r="C8" s="393"/>
      <c r="D8" s="393"/>
      <c r="E8" s="393"/>
      <c r="F8" s="393"/>
      <c r="G8" s="250" t="s">
        <v>0</v>
      </c>
      <c r="H8" s="315" t="s">
        <v>87</v>
      </c>
      <c r="I8" s="315"/>
      <c r="J8" s="315"/>
      <c r="K8" s="315"/>
      <c r="L8" s="250" t="s">
        <v>0</v>
      </c>
      <c r="M8" s="315" t="s">
        <v>88</v>
      </c>
      <c r="N8" s="315"/>
      <c r="O8" s="315"/>
      <c r="P8" s="315"/>
      <c r="Q8" s="250" t="s">
        <v>0</v>
      </c>
      <c r="R8" s="315" t="s">
        <v>89</v>
      </c>
      <c r="S8" s="315"/>
      <c r="T8" s="315"/>
      <c r="U8" s="315"/>
      <c r="V8" s="315"/>
      <c r="W8" s="286"/>
      <c r="X8" s="286"/>
      <c r="Y8" s="287"/>
    </row>
    <row r="9" spans="2:28" ht="19.5" customHeight="1" x14ac:dyDescent="0.15">
      <c r="B9" s="401" t="s">
        <v>256</v>
      </c>
      <c r="C9" s="402"/>
      <c r="D9" s="402"/>
      <c r="E9" s="402"/>
      <c r="F9" s="403"/>
      <c r="G9" s="252" t="s">
        <v>0</v>
      </c>
      <c r="H9" s="297" t="s">
        <v>257</v>
      </c>
      <c r="I9" s="265"/>
      <c r="J9" s="265"/>
      <c r="K9" s="265"/>
      <c r="L9" s="265"/>
      <c r="M9" s="265"/>
      <c r="N9" s="265"/>
      <c r="O9" s="265"/>
      <c r="P9" s="265"/>
      <c r="Q9" s="265"/>
      <c r="R9" s="265"/>
      <c r="S9" s="265"/>
      <c r="T9" s="265"/>
      <c r="U9" s="265"/>
      <c r="V9" s="265"/>
      <c r="W9" s="265"/>
      <c r="X9" s="265"/>
      <c r="Y9" s="266"/>
    </row>
    <row r="10" spans="2:28" ht="18.75" customHeight="1" x14ac:dyDescent="0.15">
      <c r="B10" s="421"/>
      <c r="C10" s="392"/>
      <c r="D10" s="392"/>
      <c r="E10" s="392"/>
      <c r="F10" s="422"/>
      <c r="G10" s="291" t="s">
        <v>0</v>
      </c>
      <c r="H10" s="290" t="s">
        <v>258</v>
      </c>
      <c r="I10" s="274"/>
      <c r="J10" s="274"/>
      <c r="K10" s="274"/>
      <c r="L10" s="274"/>
      <c r="M10" s="274"/>
      <c r="N10" s="274"/>
      <c r="O10" s="274"/>
      <c r="P10" s="274"/>
      <c r="Q10" s="274"/>
      <c r="R10" s="274"/>
      <c r="S10" s="274"/>
      <c r="T10" s="274"/>
      <c r="U10" s="274"/>
      <c r="V10" s="274"/>
      <c r="W10" s="274"/>
      <c r="X10" s="274"/>
      <c r="Y10" s="275"/>
    </row>
    <row r="11" spans="2:28" ht="17.25" customHeight="1" x14ac:dyDescent="0.15">
      <c r="B11" s="404"/>
      <c r="C11" s="405"/>
      <c r="D11" s="405"/>
      <c r="E11" s="405"/>
      <c r="F11" s="406"/>
      <c r="G11" s="255" t="s">
        <v>0</v>
      </c>
      <c r="H11" s="259" t="s">
        <v>259</v>
      </c>
      <c r="I11" s="269"/>
      <c r="J11" s="269"/>
      <c r="K11" s="269"/>
      <c r="L11" s="269"/>
      <c r="M11" s="269"/>
      <c r="N11" s="269"/>
      <c r="O11" s="269"/>
      <c r="P11" s="269"/>
      <c r="Q11" s="269"/>
      <c r="R11" s="269"/>
      <c r="S11" s="269"/>
      <c r="T11" s="269"/>
      <c r="U11" s="269"/>
      <c r="V11" s="269"/>
      <c r="W11" s="269"/>
      <c r="X11" s="269"/>
      <c r="Y11" s="270"/>
      <c r="Z11"/>
      <c r="AA11"/>
      <c r="AB11"/>
    </row>
    <row r="12" spans="2:28" ht="20.25" customHeight="1" x14ac:dyDescent="0.15"/>
    <row r="13" spans="2:28" ht="3.75" customHeight="1" x14ac:dyDescent="0.15">
      <c r="B13" s="296"/>
      <c r="C13" s="297"/>
      <c r="D13" s="297"/>
      <c r="E13" s="297"/>
      <c r="F13" s="297"/>
      <c r="G13" s="297"/>
      <c r="H13" s="297"/>
      <c r="I13" s="297"/>
      <c r="J13" s="297"/>
      <c r="K13" s="297"/>
      <c r="L13" s="297"/>
      <c r="M13" s="297"/>
      <c r="N13" s="297"/>
      <c r="O13" s="297"/>
      <c r="P13" s="297"/>
      <c r="Q13" s="297"/>
      <c r="R13" s="297"/>
      <c r="S13" s="297"/>
      <c r="T13" s="298"/>
      <c r="U13" s="297"/>
      <c r="V13" s="297"/>
      <c r="W13" s="297"/>
      <c r="X13" s="297"/>
      <c r="Y13" s="298"/>
    </row>
    <row r="14" spans="2:28" ht="15" customHeight="1" x14ac:dyDescent="0.15">
      <c r="B14" s="295" t="s">
        <v>260</v>
      </c>
      <c r="T14" s="294"/>
      <c r="V14" s="94" t="s">
        <v>94</v>
      </c>
      <c r="W14" s="94" t="s">
        <v>95</v>
      </c>
      <c r="X14" s="94" t="s">
        <v>96</v>
      </c>
      <c r="Y14" s="294"/>
    </row>
    <row r="15" spans="2:28" ht="9" customHeight="1" x14ac:dyDescent="0.15">
      <c r="B15" s="295"/>
      <c r="T15" s="294"/>
      <c r="Y15" s="294"/>
    </row>
    <row r="16" spans="2:28" ht="72.75" customHeight="1" x14ac:dyDescent="0.15">
      <c r="B16" s="295"/>
      <c r="C16" s="441" t="s">
        <v>261</v>
      </c>
      <c r="D16" s="442"/>
      <c r="E16" s="443"/>
      <c r="F16" s="285" t="s">
        <v>180</v>
      </c>
      <c r="G16" s="449" t="s">
        <v>262</v>
      </c>
      <c r="H16" s="450"/>
      <c r="I16" s="450"/>
      <c r="J16" s="450"/>
      <c r="K16" s="450"/>
      <c r="L16" s="450"/>
      <c r="M16" s="450"/>
      <c r="N16" s="450"/>
      <c r="O16" s="450"/>
      <c r="P16" s="450"/>
      <c r="Q16" s="450"/>
      <c r="R16" s="450"/>
      <c r="S16" s="450"/>
      <c r="T16" s="88"/>
      <c r="V16" s="272" t="s">
        <v>0</v>
      </c>
      <c r="W16" s="272" t="s">
        <v>95</v>
      </c>
      <c r="X16" s="272" t="s">
        <v>0</v>
      </c>
      <c r="Y16" s="88"/>
    </row>
    <row r="17" spans="2:28" ht="45" customHeight="1" x14ac:dyDescent="0.15">
      <c r="B17" s="295"/>
      <c r="C17" s="444"/>
      <c r="D17" s="439"/>
      <c r="E17" s="445"/>
      <c r="F17" s="285" t="s">
        <v>182</v>
      </c>
      <c r="G17" s="449" t="s">
        <v>263</v>
      </c>
      <c r="H17" s="449"/>
      <c r="I17" s="449"/>
      <c r="J17" s="449"/>
      <c r="K17" s="449"/>
      <c r="L17" s="449"/>
      <c r="M17" s="449"/>
      <c r="N17" s="449"/>
      <c r="O17" s="449"/>
      <c r="P17" s="449"/>
      <c r="Q17" s="449"/>
      <c r="R17" s="449"/>
      <c r="S17" s="449"/>
      <c r="T17" s="330"/>
      <c r="V17" s="272" t="s">
        <v>0</v>
      </c>
      <c r="W17" s="272" t="s">
        <v>95</v>
      </c>
      <c r="X17" s="272" t="s">
        <v>0</v>
      </c>
      <c r="Y17" s="88"/>
    </row>
    <row r="18" spans="2:28" ht="24.75" customHeight="1" x14ac:dyDescent="0.15">
      <c r="B18" s="295"/>
      <c r="C18" s="444"/>
      <c r="D18" s="439"/>
      <c r="E18" s="445"/>
      <c r="F18" s="285" t="s">
        <v>264</v>
      </c>
      <c r="G18" s="449" t="s">
        <v>265</v>
      </c>
      <c r="H18" s="449"/>
      <c r="I18" s="449"/>
      <c r="J18" s="449"/>
      <c r="K18" s="449"/>
      <c r="L18" s="449"/>
      <c r="M18" s="449"/>
      <c r="N18" s="449"/>
      <c r="O18" s="449"/>
      <c r="P18" s="449"/>
      <c r="Q18" s="449"/>
      <c r="R18" s="449"/>
      <c r="S18" s="449"/>
      <c r="T18" s="330"/>
      <c r="V18" s="272" t="s">
        <v>0</v>
      </c>
      <c r="W18" s="272" t="s">
        <v>95</v>
      </c>
      <c r="X18" s="272" t="s">
        <v>0</v>
      </c>
      <c r="Y18" s="88"/>
    </row>
    <row r="19" spans="2:28" ht="41.25" customHeight="1" x14ac:dyDescent="0.15">
      <c r="B19" s="295"/>
      <c r="C19" s="446"/>
      <c r="D19" s="447"/>
      <c r="E19" s="448"/>
      <c r="F19" s="285" t="s">
        <v>266</v>
      </c>
      <c r="G19" s="449" t="s">
        <v>267</v>
      </c>
      <c r="H19" s="449"/>
      <c r="I19" s="449"/>
      <c r="J19" s="449"/>
      <c r="K19" s="449"/>
      <c r="L19" s="449"/>
      <c r="M19" s="449"/>
      <c r="N19" s="449"/>
      <c r="O19" s="449"/>
      <c r="P19" s="449"/>
      <c r="Q19" s="449"/>
      <c r="R19" s="449"/>
      <c r="S19" s="449"/>
      <c r="T19" s="330"/>
      <c r="V19" s="272" t="s">
        <v>0</v>
      </c>
      <c r="W19" s="272" t="s">
        <v>95</v>
      </c>
      <c r="X19" s="272" t="s">
        <v>0</v>
      </c>
      <c r="Y19" s="88"/>
    </row>
    <row r="20" spans="2:28" ht="18.75" customHeight="1" x14ac:dyDescent="0.15">
      <c r="B20" s="295"/>
      <c r="T20" s="294"/>
      <c r="Y20" s="294"/>
    </row>
    <row r="21" spans="2:28" ht="34.5" customHeight="1" x14ac:dyDescent="0.15">
      <c r="B21" s="295"/>
      <c r="C21" s="441" t="s">
        <v>268</v>
      </c>
      <c r="D21" s="442"/>
      <c r="E21" s="443"/>
      <c r="F21" s="285" t="s">
        <v>180</v>
      </c>
      <c r="G21" s="449" t="s">
        <v>269</v>
      </c>
      <c r="H21" s="449"/>
      <c r="I21" s="449"/>
      <c r="J21" s="449"/>
      <c r="K21" s="449"/>
      <c r="L21" s="449"/>
      <c r="M21" s="449"/>
      <c r="N21" s="449"/>
      <c r="O21" s="449"/>
      <c r="P21" s="449"/>
      <c r="Q21" s="449"/>
      <c r="R21" s="449"/>
      <c r="S21" s="449"/>
      <c r="T21" s="88"/>
      <c r="V21" s="272" t="s">
        <v>0</v>
      </c>
      <c r="W21" s="272" t="s">
        <v>95</v>
      </c>
      <c r="X21" s="272" t="s">
        <v>0</v>
      </c>
      <c r="Y21" s="88"/>
    </row>
    <row r="22" spans="2:28" ht="78" customHeight="1" x14ac:dyDescent="0.15">
      <c r="B22" s="295"/>
      <c r="C22" s="444"/>
      <c r="D22" s="439"/>
      <c r="E22" s="445"/>
      <c r="F22" s="285" t="s">
        <v>182</v>
      </c>
      <c r="G22" s="449" t="s">
        <v>270</v>
      </c>
      <c r="H22" s="449"/>
      <c r="I22" s="449"/>
      <c r="J22" s="449"/>
      <c r="K22" s="449"/>
      <c r="L22" s="449"/>
      <c r="M22" s="449"/>
      <c r="N22" s="449"/>
      <c r="O22" s="449"/>
      <c r="P22" s="449"/>
      <c r="Q22" s="449"/>
      <c r="R22" s="449"/>
      <c r="S22" s="449"/>
      <c r="T22" s="88"/>
      <c r="V22" s="272" t="s">
        <v>0</v>
      </c>
      <c r="W22" s="272" t="s">
        <v>95</v>
      </c>
      <c r="X22" s="272" t="s">
        <v>0</v>
      </c>
      <c r="Y22" s="88"/>
    </row>
    <row r="23" spans="2:28" ht="45.75" customHeight="1" x14ac:dyDescent="0.15">
      <c r="B23" s="295"/>
      <c r="C23" s="444"/>
      <c r="D23" s="439"/>
      <c r="E23" s="445"/>
      <c r="F23" s="285" t="s">
        <v>264</v>
      </c>
      <c r="G23" s="449" t="s">
        <v>271</v>
      </c>
      <c r="H23" s="449"/>
      <c r="I23" s="449"/>
      <c r="J23" s="449"/>
      <c r="K23" s="449"/>
      <c r="L23" s="449"/>
      <c r="M23" s="449"/>
      <c r="N23" s="449"/>
      <c r="O23" s="449"/>
      <c r="P23" s="449"/>
      <c r="Q23" s="449"/>
      <c r="R23" s="449"/>
      <c r="S23" s="449"/>
      <c r="T23" s="330"/>
      <c r="V23" s="272" t="s">
        <v>0</v>
      </c>
      <c r="W23" s="272" t="s">
        <v>95</v>
      </c>
      <c r="X23" s="272" t="s">
        <v>0</v>
      </c>
      <c r="Y23" s="88"/>
    </row>
    <row r="24" spans="2:28" ht="42.75" customHeight="1" x14ac:dyDescent="0.15">
      <c r="B24" s="295"/>
      <c r="C24" s="444"/>
      <c r="D24" s="439"/>
      <c r="E24" s="445"/>
      <c r="F24" s="285" t="s">
        <v>266</v>
      </c>
      <c r="G24" s="449" t="s">
        <v>272</v>
      </c>
      <c r="H24" s="449"/>
      <c r="I24" s="449"/>
      <c r="J24" s="449"/>
      <c r="K24" s="449"/>
      <c r="L24" s="449"/>
      <c r="M24" s="449"/>
      <c r="N24" s="449"/>
      <c r="O24" s="449"/>
      <c r="P24" s="449"/>
      <c r="Q24" s="449"/>
      <c r="R24" s="449"/>
      <c r="S24" s="449"/>
      <c r="T24" s="330"/>
      <c r="V24" s="272" t="s">
        <v>0</v>
      </c>
      <c r="W24" s="272" t="s">
        <v>95</v>
      </c>
      <c r="X24" s="272" t="s">
        <v>0</v>
      </c>
      <c r="Y24" s="88"/>
    </row>
    <row r="25" spans="2:28" ht="42" customHeight="1" x14ac:dyDescent="0.15">
      <c r="B25" s="295"/>
      <c r="C25" s="444"/>
      <c r="D25" s="439"/>
      <c r="E25" s="445"/>
      <c r="F25" s="285" t="s">
        <v>273</v>
      </c>
      <c r="G25" s="449" t="s">
        <v>274</v>
      </c>
      <c r="H25" s="449"/>
      <c r="I25" s="449"/>
      <c r="J25" s="449"/>
      <c r="K25" s="449"/>
      <c r="L25" s="449"/>
      <c r="M25" s="449"/>
      <c r="N25" s="449"/>
      <c r="O25" s="449"/>
      <c r="P25" s="449"/>
      <c r="Q25" s="449"/>
      <c r="R25" s="449"/>
      <c r="S25" s="449"/>
      <c r="T25" s="330"/>
      <c r="V25" s="272" t="s">
        <v>0</v>
      </c>
      <c r="W25" s="272" t="s">
        <v>95</v>
      </c>
      <c r="X25" s="272" t="s">
        <v>0</v>
      </c>
      <c r="Y25" s="88"/>
      <c r="Z25"/>
      <c r="AA25"/>
      <c r="AB25"/>
    </row>
    <row r="26" spans="2:28" ht="51" customHeight="1" x14ac:dyDescent="0.15">
      <c r="B26" s="295"/>
      <c r="C26" s="446"/>
      <c r="D26" s="447"/>
      <c r="E26" s="448"/>
      <c r="F26" s="285" t="s">
        <v>275</v>
      </c>
      <c r="G26" s="449" t="s">
        <v>267</v>
      </c>
      <c r="H26" s="449"/>
      <c r="I26" s="449"/>
      <c r="J26" s="449"/>
      <c r="K26" s="449"/>
      <c r="L26" s="449"/>
      <c r="M26" s="449"/>
      <c r="N26" s="449"/>
      <c r="O26" s="449"/>
      <c r="P26" s="449"/>
      <c r="Q26" s="449"/>
      <c r="R26" s="449"/>
      <c r="S26" s="449"/>
      <c r="T26" s="330"/>
      <c r="V26" s="272" t="s">
        <v>0</v>
      </c>
      <c r="W26" s="272" t="s">
        <v>95</v>
      </c>
      <c r="X26" s="272" t="s">
        <v>0</v>
      </c>
      <c r="Y26" s="88"/>
      <c r="Z26"/>
      <c r="AA26"/>
      <c r="AB26"/>
    </row>
    <row r="27" spans="2:28" ht="16.5" customHeight="1" x14ac:dyDescent="0.15">
      <c r="B27" s="295"/>
      <c r="T27" s="294"/>
      <c r="Y27" s="294"/>
    </row>
    <row r="28" spans="2:28" ht="27" customHeight="1" x14ac:dyDescent="0.15">
      <c r="B28" s="295"/>
      <c r="C28" s="441" t="s">
        <v>276</v>
      </c>
      <c r="D28" s="442"/>
      <c r="E28" s="443"/>
      <c r="F28" s="285" t="s">
        <v>180</v>
      </c>
      <c r="G28" s="450" t="s">
        <v>277</v>
      </c>
      <c r="H28" s="450"/>
      <c r="I28" s="450"/>
      <c r="J28" s="450"/>
      <c r="K28" s="450"/>
      <c r="L28" s="450"/>
      <c r="M28" s="450"/>
      <c r="N28" s="450"/>
      <c r="O28" s="450"/>
      <c r="P28" s="450"/>
      <c r="Q28" s="450"/>
      <c r="R28" s="450"/>
      <c r="S28" s="450"/>
      <c r="T28" s="88"/>
      <c r="V28" s="272" t="s">
        <v>0</v>
      </c>
      <c r="W28" s="272" t="s">
        <v>95</v>
      </c>
      <c r="X28" s="272" t="s">
        <v>0</v>
      </c>
      <c r="Y28" s="88"/>
    </row>
    <row r="29" spans="2:28" ht="24.75" customHeight="1" x14ac:dyDescent="0.15">
      <c r="B29" s="295"/>
      <c r="C29" s="444"/>
      <c r="D29" s="439"/>
      <c r="E29" s="445"/>
      <c r="F29" s="285" t="s">
        <v>182</v>
      </c>
      <c r="G29" s="450" t="s">
        <v>278</v>
      </c>
      <c r="H29" s="450"/>
      <c r="I29" s="450"/>
      <c r="J29" s="450"/>
      <c r="K29" s="450"/>
      <c r="L29" s="450"/>
      <c r="M29" s="450"/>
      <c r="N29" s="450"/>
      <c r="O29" s="450"/>
      <c r="P29" s="450"/>
      <c r="Q29" s="450"/>
      <c r="R29" s="450"/>
      <c r="S29" s="450"/>
      <c r="T29" s="88"/>
      <c r="V29" s="272" t="s">
        <v>0</v>
      </c>
      <c r="W29" s="272" t="s">
        <v>95</v>
      </c>
      <c r="X29" s="272" t="s">
        <v>0</v>
      </c>
      <c r="Y29" s="88"/>
    </row>
    <row r="30" spans="2:28" ht="45" customHeight="1" x14ac:dyDescent="0.15">
      <c r="B30" s="295"/>
      <c r="C30" s="444"/>
      <c r="D30" s="439"/>
      <c r="E30" s="445"/>
      <c r="F30" s="285" t="s">
        <v>264</v>
      </c>
      <c r="G30" s="449" t="s">
        <v>271</v>
      </c>
      <c r="H30" s="449"/>
      <c r="I30" s="449"/>
      <c r="J30" s="449"/>
      <c r="K30" s="449"/>
      <c r="L30" s="449"/>
      <c r="M30" s="449"/>
      <c r="N30" s="449"/>
      <c r="O30" s="449"/>
      <c r="P30" s="449"/>
      <c r="Q30" s="449"/>
      <c r="R30" s="449"/>
      <c r="S30" s="449"/>
      <c r="T30" s="330"/>
      <c r="V30" s="272" t="s">
        <v>0</v>
      </c>
      <c r="W30" s="272" t="s">
        <v>95</v>
      </c>
      <c r="X30" s="272" t="s">
        <v>0</v>
      </c>
      <c r="Y30" s="88"/>
    </row>
    <row r="31" spans="2:28" ht="40.5" customHeight="1" x14ac:dyDescent="0.15">
      <c r="B31" s="295"/>
      <c r="C31" s="444"/>
      <c r="D31" s="439"/>
      <c r="E31" s="445"/>
      <c r="F31" s="285" t="s">
        <v>266</v>
      </c>
      <c r="G31" s="449" t="s">
        <v>272</v>
      </c>
      <c r="H31" s="449"/>
      <c r="I31" s="449"/>
      <c r="J31" s="449"/>
      <c r="K31" s="449"/>
      <c r="L31" s="449"/>
      <c r="M31" s="449"/>
      <c r="N31" s="449"/>
      <c r="O31" s="449"/>
      <c r="P31" s="449"/>
      <c r="Q31" s="449"/>
      <c r="R31" s="449"/>
      <c r="S31" s="449"/>
      <c r="T31" s="330"/>
      <c r="V31" s="272" t="s">
        <v>0</v>
      </c>
      <c r="W31" s="272" t="s">
        <v>95</v>
      </c>
      <c r="X31" s="272" t="s">
        <v>0</v>
      </c>
      <c r="Y31" s="88"/>
    </row>
    <row r="32" spans="2:28" ht="41.25" customHeight="1" x14ac:dyDescent="0.15">
      <c r="B32" s="295"/>
      <c r="C32" s="444"/>
      <c r="D32" s="439"/>
      <c r="E32" s="445"/>
      <c r="F32" s="285" t="s">
        <v>273</v>
      </c>
      <c r="G32" s="449" t="s">
        <v>279</v>
      </c>
      <c r="H32" s="449"/>
      <c r="I32" s="449"/>
      <c r="J32" s="449"/>
      <c r="K32" s="449"/>
      <c r="L32" s="449"/>
      <c r="M32" s="449"/>
      <c r="N32" s="449"/>
      <c r="O32" s="449"/>
      <c r="P32" s="449"/>
      <c r="Q32" s="449"/>
      <c r="R32" s="449"/>
      <c r="S32" s="449"/>
      <c r="T32" s="330"/>
      <c r="V32" s="272" t="s">
        <v>0</v>
      </c>
      <c r="W32" s="272" t="s">
        <v>95</v>
      </c>
      <c r="X32" s="272" t="s">
        <v>0</v>
      </c>
      <c r="Y32" s="88"/>
      <c r="Z32"/>
      <c r="AA32"/>
      <c r="AB32"/>
    </row>
    <row r="33" spans="2:28" ht="45" customHeight="1" x14ac:dyDescent="0.15">
      <c r="B33" s="295"/>
      <c r="C33" s="446"/>
      <c r="D33" s="447"/>
      <c r="E33" s="448"/>
      <c r="F33" s="285" t="s">
        <v>275</v>
      </c>
      <c r="G33" s="449" t="s">
        <v>267</v>
      </c>
      <c r="H33" s="449"/>
      <c r="I33" s="449"/>
      <c r="J33" s="449"/>
      <c r="K33" s="449"/>
      <c r="L33" s="449"/>
      <c r="M33" s="449"/>
      <c r="N33" s="449"/>
      <c r="O33" s="449"/>
      <c r="P33" s="449"/>
      <c r="Q33" s="449"/>
      <c r="R33" s="449"/>
      <c r="S33" s="449"/>
      <c r="T33" s="330"/>
      <c r="V33" s="272" t="s">
        <v>0</v>
      </c>
      <c r="W33" s="272" t="s">
        <v>95</v>
      </c>
      <c r="X33" s="272" t="s">
        <v>0</v>
      </c>
      <c r="Y33" s="88"/>
      <c r="Z33"/>
      <c r="AA33"/>
      <c r="AB33"/>
    </row>
    <row r="34" spans="2:28" ht="17.25" customHeight="1" x14ac:dyDescent="0.15">
      <c r="B34" s="299"/>
      <c r="C34" s="259"/>
      <c r="D34" s="259"/>
      <c r="E34" s="259"/>
      <c r="F34" s="259"/>
      <c r="G34" s="259"/>
      <c r="H34" s="259"/>
      <c r="I34" s="259"/>
      <c r="J34" s="259"/>
      <c r="K34" s="259"/>
      <c r="L34" s="259"/>
      <c r="M34" s="259"/>
      <c r="N34" s="259"/>
      <c r="O34" s="259"/>
      <c r="P34" s="259"/>
      <c r="Q34" s="259"/>
      <c r="R34" s="259"/>
      <c r="S34" s="259"/>
      <c r="T34" s="300"/>
      <c r="U34" s="259"/>
      <c r="V34" s="259"/>
      <c r="W34" s="259"/>
      <c r="X34" s="259"/>
      <c r="Y34" s="300"/>
    </row>
    <row r="36" spans="2:28" x14ac:dyDescent="0.15">
      <c r="B36" s="290" t="s">
        <v>280</v>
      </c>
    </row>
    <row r="37" spans="2:28" x14ac:dyDescent="0.15">
      <c r="B37" s="290" t="s">
        <v>281</v>
      </c>
      <c r="K37"/>
      <c r="L37"/>
      <c r="M37"/>
      <c r="N37"/>
      <c r="O37"/>
      <c r="P37"/>
      <c r="Q37"/>
      <c r="R37"/>
      <c r="S37"/>
      <c r="T37"/>
      <c r="U37"/>
      <c r="V37"/>
      <c r="W37"/>
      <c r="X37"/>
      <c r="Y37"/>
    </row>
    <row r="122" spans="3:7" x14ac:dyDescent="0.15">
      <c r="C122" s="259"/>
      <c r="D122" s="259"/>
      <c r="E122" s="259"/>
      <c r="F122" s="259"/>
      <c r="G122" s="259"/>
    </row>
    <row r="123" spans="3:7" x14ac:dyDescent="0.15">
      <c r="C123" s="297"/>
    </row>
  </sheetData>
  <mergeCells count="25">
    <mergeCell ref="G25:S25"/>
    <mergeCell ref="G26:S26"/>
    <mergeCell ref="C28:E33"/>
    <mergeCell ref="G28:S28"/>
    <mergeCell ref="G29:S29"/>
    <mergeCell ref="G30:S30"/>
    <mergeCell ref="G31:S31"/>
    <mergeCell ref="G32:S32"/>
    <mergeCell ref="G33:S33"/>
    <mergeCell ref="C21:E26"/>
    <mergeCell ref="G21:S21"/>
    <mergeCell ref="G22:S22"/>
    <mergeCell ref="G23:S23"/>
    <mergeCell ref="G24:S24"/>
    <mergeCell ref="C16:E19"/>
    <mergeCell ref="G16:S16"/>
    <mergeCell ref="G17:S17"/>
    <mergeCell ref="G18:S18"/>
    <mergeCell ref="G19:S19"/>
    <mergeCell ref="B9:F11"/>
    <mergeCell ref="B4:Y4"/>
    <mergeCell ref="B5:Y5"/>
    <mergeCell ref="B7:F7"/>
    <mergeCell ref="G7:Y7"/>
    <mergeCell ref="B8:F8"/>
  </mergeCells>
  <phoneticPr fontId="1"/>
  <dataValidations count="1">
    <dataValidation type="list" allowBlank="1" showInputMessage="1" showErrorMessage="1" sqref="X28:X33 V16:V19 G8:G11 Q8 L8 X21:X26 X16:X19 V28:V33 V21:V26">
      <formula1>"□,■"</formula1>
    </dataValidation>
  </dataValidations>
  <pageMargins left="0.70866141732283472" right="0.70866141732283472" top="0.74803149606299213" bottom="0.74803149606299213" header="0.31496062992125984" footer="0.31496062992125984"/>
  <pageSetup paperSize="9" scale="77" orientation="portrait" r:id="rId1"/>
  <rowBreaks count="1" manualBreakCount="1">
    <brk id="38" max="24"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E123"/>
  <sheetViews>
    <sheetView zoomScaleNormal="100" zoomScaleSheetLayoutView="70" workbookViewId="0">
      <selection activeCell="B59" sqref="B59:F63"/>
    </sheetView>
  </sheetViews>
  <sheetFormatPr defaultColWidth="3.5" defaultRowHeight="13.5" x14ac:dyDescent="0.15"/>
  <cols>
    <col min="1" max="1" width="1.25" style="3" customWidth="1"/>
    <col min="2" max="2" width="3.125" style="302" customWidth="1"/>
    <col min="3" max="26" width="3.125" style="3" customWidth="1"/>
    <col min="27" max="29" width="3.25" style="3" customWidth="1"/>
    <col min="30" max="30" width="3.125" style="3" customWidth="1"/>
    <col min="31" max="31" width="1.25" style="3" customWidth="1"/>
    <col min="32" max="16384" width="3.5" style="3"/>
  </cols>
  <sheetData>
    <row r="1" spans="2:30" s="290" customFormat="1" x14ac:dyDescent="0.15"/>
    <row r="2" spans="2:30" s="290" customFormat="1" x14ac:dyDescent="0.15">
      <c r="B2" s="290" t="s">
        <v>114</v>
      </c>
    </row>
    <row r="3" spans="2:30" s="290" customFormat="1" x14ac:dyDescent="0.15">
      <c r="U3" s="283" t="s">
        <v>9</v>
      </c>
      <c r="V3" s="392"/>
      <c r="W3" s="392"/>
      <c r="X3" s="283" t="s">
        <v>10</v>
      </c>
      <c r="Y3" s="392"/>
      <c r="Z3" s="392"/>
      <c r="AA3" s="283" t="s">
        <v>11</v>
      </c>
      <c r="AB3" s="392"/>
      <c r="AC3" s="392"/>
      <c r="AD3" s="283" t="s">
        <v>81</v>
      </c>
    </row>
    <row r="4" spans="2:30" s="290" customFormat="1" x14ac:dyDescent="0.15">
      <c r="AD4" s="283"/>
    </row>
    <row r="5" spans="2:30" s="290" customFormat="1" x14ac:dyDescent="0.15">
      <c r="B5" s="392" t="s">
        <v>359</v>
      </c>
      <c r="C5" s="392"/>
      <c r="D5" s="392"/>
      <c r="E5" s="392"/>
      <c r="F5" s="392"/>
      <c r="G5" s="392"/>
      <c r="H5" s="392"/>
      <c r="I5" s="392"/>
      <c r="J5" s="392"/>
      <c r="K5" s="392"/>
      <c r="L5" s="392"/>
      <c r="M5" s="392"/>
      <c r="N5" s="392"/>
      <c r="O5" s="392"/>
      <c r="P5" s="392"/>
      <c r="Q5" s="392"/>
      <c r="R5" s="392"/>
      <c r="S5" s="392"/>
      <c r="T5" s="392"/>
      <c r="U5" s="392"/>
      <c r="V5" s="392"/>
      <c r="W5" s="392"/>
      <c r="X5" s="392"/>
      <c r="Y5" s="392"/>
      <c r="Z5" s="392"/>
      <c r="AA5" s="392"/>
      <c r="AB5" s="392"/>
      <c r="AC5" s="392"/>
      <c r="AD5" s="392"/>
    </row>
    <row r="6" spans="2:30" s="290" customFormat="1" x14ac:dyDescent="0.15">
      <c r="B6" s="392" t="s">
        <v>360</v>
      </c>
      <c r="C6" s="392"/>
      <c r="D6" s="392"/>
      <c r="E6" s="392"/>
      <c r="F6" s="392"/>
      <c r="G6" s="392"/>
      <c r="H6" s="392"/>
      <c r="I6" s="392"/>
      <c r="J6" s="392"/>
      <c r="K6" s="392"/>
      <c r="L6" s="392"/>
      <c r="M6" s="392"/>
      <c r="N6" s="392"/>
      <c r="O6" s="392"/>
      <c r="P6" s="392"/>
      <c r="Q6" s="392"/>
      <c r="R6" s="392"/>
      <c r="S6" s="392"/>
      <c r="T6" s="392"/>
      <c r="U6" s="392"/>
      <c r="V6" s="392"/>
      <c r="W6" s="392"/>
      <c r="X6" s="392"/>
      <c r="Y6" s="392"/>
      <c r="Z6" s="392"/>
      <c r="AA6" s="392"/>
      <c r="AB6" s="392"/>
      <c r="AC6" s="392"/>
      <c r="AD6" s="392"/>
    </row>
    <row r="7" spans="2:30" s="290" customFormat="1" x14ac:dyDescent="0.15"/>
    <row r="8" spans="2:30" s="290" customFormat="1" ht="21" customHeight="1" x14ac:dyDescent="0.15">
      <c r="B8" s="450" t="s">
        <v>361</v>
      </c>
      <c r="C8" s="450"/>
      <c r="D8" s="450"/>
      <c r="E8" s="450"/>
      <c r="F8" s="394"/>
      <c r="G8" s="451"/>
      <c r="H8" s="452"/>
      <c r="I8" s="452"/>
      <c r="J8" s="452"/>
      <c r="K8" s="452"/>
      <c r="L8" s="452"/>
      <c r="M8" s="452"/>
      <c r="N8" s="452"/>
      <c r="O8" s="452"/>
      <c r="P8" s="452"/>
      <c r="Q8" s="452"/>
      <c r="R8" s="452"/>
      <c r="S8" s="452"/>
      <c r="T8" s="452"/>
      <c r="U8" s="452"/>
      <c r="V8" s="452"/>
      <c r="W8" s="452"/>
      <c r="X8" s="452"/>
      <c r="Y8" s="452"/>
      <c r="Z8" s="452"/>
      <c r="AA8" s="452"/>
      <c r="AB8" s="452"/>
      <c r="AC8" s="452"/>
      <c r="AD8" s="453"/>
    </row>
    <row r="9" spans="2:30" ht="21" customHeight="1" x14ac:dyDescent="0.15">
      <c r="B9" s="394" t="s">
        <v>362</v>
      </c>
      <c r="C9" s="395"/>
      <c r="D9" s="395"/>
      <c r="E9" s="395"/>
      <c r="F9" s="396"/>
      <c r="G9" s="107" t="s">
        <v>0</v>
      </c>
      <c r="H9" s="315" t="s">
        <v>87</v>
      </c>
      <c r="I9" s="315"/>
      <c r="J9" s="315"/>
      <c r="K9" s="315"/>
      <c r="L9" s="108" t="s">
        <v>0</v>
      </c>
      <c r="M9" s="315" t="s">
        <v>88</v>
      </c>
      <c r="N9" s="315"/>
      <c r="O9" s="315"/>
      <c r="P9" s="315"/>
      <c r="Q9" s="108" t="s">
        <v>0</v>
      </c>
      <c r="R9" s="315" t="s">
        <v>89</v>
      </c>
      <c r="S9" s="313"/>
      <c r="T9" s="313"/>
      <c r="U9" s="313"/>
      <c r="V9" s="313"/>
      <c r="W9" s="313"/>
      <c r="X9" s="313"/>
      <c r="Y9" s="313"/>
      <c r="Z9" s="313"/>
      <c r="AA9" s="313"/>
      <c r="AB9" s="313"/>
      <c r="AC9" s="313"/>
      <c r="AD9" s="125"/>
    </row>
    <row r="10" spans="2:30" ht="21" customHeight="1" x14ac:dyDescent="0.15">
      <c r="B10" s="423" t="s">
        <v>363</v>
      </c>
      <c r="C10" s="424"/>
      <c r="D10" s="424"/>
      <c r="E10" s="424"/>
      <c r="F10" s="425"/>
      <c r="G10" s="126" t="s">
        <v>0</v>
      </c>
      <c r="H10" s="297" t="s">
        <v>364</v>
      </c>
      <c r="I10" s="323"/>
      <c r="J10" s="323"/>
      <c r="K10" s="323"/>
      <c r="L10" s="323"/>
      <c r="M10" s="323"/>
      <c r="N10" s="323"/>
      <c r="O10" s="323"/>
      <c r="P10" s="323"/>
      <c r="Q10" s="323"/>
      <c r="R10" s="116" t="s">
        <v>0</v>
      </c>
      <c r="S10" s="297" t="s">
        <v>365</v>
      </c>
      <c r="T10" s="127"/>
      <c r="U10" s="127"/>
      <c r="V10" s="127"/>
      <c r="W10" s="127"/>
      <c r="X10" s="127"/>
      <c r="Y10" s="127"/>
      <c r="Z10" s="127"/>
      <c r="AA10" s="127"/>
      <c r="AB10" s="127"/>
      <c r="AC10" s="127"/>
      <c r="AD10" s="128"/>
    </row>
    <row r="11" spans="2:30" ht="21" customHeight="1" x14ac:dyDescent="0.15">
      <c r="B11" s="426"/>
      <c r="C11" s="427"/>
      <c r="D11" s="427"/>
      <c r="E11" s="427"/>
      <c r="F11" s="428"/>
      <c r="G11" s="110" t="s">
        <v>0</v>
      </c>
      <c r="H11" s="259" t="s">
        <v>366</v>
      </c>
      <c r="I11" s="317"/>
      <c r="J11" s="317"/>
      <c r="K11" s="317"/>
      <c r="L11" s="317"/>
      <c r="M11" s="317"/>
      <c r="N11" s="317"/>
      <c r="O11" s="317"/>
      <c r="P11" s="317"/>
      <c r="Q11" s="317"/>
      <c r="R11" s="317"/>
      <c r="S11" s="129"/>
      <c r="T11" s="129"/>
      <c r="U11" s="129"/>
      <c r="V11" s="129"/>
      <c r="W11" s="129"/>
      <c r="X11" s="129"/>
      <c r="Y11" s="129"/>
      <c r="Z11" s="129"/>
      <c r="AA11" s="129"/>
      <c r="AB11" s="129"/>
      <c r="AC11" s="129"/>
      <c r="AD11" s="130"/>
    </row>
    <row r="12" spans="2:30" ht="21" customHeight="1" x14ac:dyDescent="0.15">
      <c r="B12" s="423" t="s">
        <v>367</v>
      </c>
      <c r="C12" s="424"/>
      <c r="D12" s="424"/>
      <c r="E12" s="424"/>
      <c r="F12" s="425"/>
      <c r="G12" s="126" t="s">
        <v>0</v>
      </c>
      <c r="H12" s="297" t="s">
        <v>368</v>
      </c>
      <c r="I12" s="323"/>
      <c r="J12" s="323"/>
      <c r="K12" s="323"/>
      <c r="L12" s="323"/>
      <c r="M12" s="323"/>
      <c r="N12" s="323"/>
      <c r="O12" s="323"/>
      <c r="P12" s="323"/>
      <c r="Q12" s="323"/>
      <c r="R12" s="323"/>
      <c r="S12" s="116" t="s">
        <v>0</v>
      </c>
      <c r="T12" s="297" t="s">
        <v>369</v>
      </c>
      <c r="U12" s="127"/>
      <c r="V12" s="127"/>
      <c r="W12" s="127"/>
      <c r="X12" s="127"/>
      <c r="Y12" s="127"/>
      <c r="Z12" s="127"/>
      <c r="AA12" s="127"/>
      <c r="AB12" s="127"/>
      <c r="AC12" s="127"/>
      <c r="AD12" s="128"/>
    </row>
    <row r="13" spans="2:30" ht="21" customHeight="1" x14ac:dyDescent="0.15">
      <c r="B13" s="426"/>
      <c r="C13" s="427"/>
      <c r="D13" s="427"/>
      <c r="E13" s="427"/>
      <c r="F13" s="428"/>
      <c r="G13" s="110" t="s">
        <v>0</v>
      </c>
      <c r="H13" s="259" t="s">
        <v>370</v>
      </c>
      <c r="I13" s="317"/>
      <c r="J13" s="317"/>
      <c r="K13" s="317"/>
      <c r="L13" s="317"/>
      <c r="M13" s="317"/>
      <c r="N13" s="317"/>
      <c r="O13" s="317"/>
      <c r="P13" s="317"/>
      <c r="Q13" s="317"/>
      <c r="R13" s="317"/>
      <c r="S13" s="129"/>
      <c r="T13" s="129"/>
      <c r="U13" s="129"/>
      <c r="V13" s="129"/>
      <c r="W13" s="129"/>
      <c r="X13" s="129"/>
      <c r="Y13" s="129"/>
      <c r="Z13" s="129"/>
      <c r="AA13" s="129"/>
      <c r="AB13" s="129"/>
      <c r="AC13" s="129"/>
      <c r="AD13" s="130"/>
    </row>
    <row r="14" spans="2:30" s="290" customFormat="1" ht="6" customHeight="1" x14ac:dyDescent="0.15"/>
    <row r="15" spans="2:30" s="290" customFormat="1" x14ac:dyDescent="0.15">
      <c r="B15" s="454" t="s">
        <v>371</v>
      </c>
      <c r="C15" s="455"/>
      <c r="D15" s="455"/>
      <c r="E15" s="455"/>
      <c r="F15" s="456"/>
      <c r="G15" s="461"/>
      <c r="H15" s="462"/>
      <c r="I15" s="462"/>
      <c r="J15" s="462"/>
      <c r="K15" s="462"/>
      <c r="L15" s="462"/>
      <c r="M15" s="462"/>
      <c r="N15" s="462"/>
      <c r="O15" s="462"/>
      <c r="P15" s="462"/>
      <c r="Q15" s="462"/>
      <c r="R15" s="462"/>
      <c r="S15" s="462"/>
      <c r="T15" s="462"/>
      <c r="U15" s="462"/>
      <c r="V15" s="462"/>
      <c r="W15" s="462"/>
      <c r="X15" s="462"/>
      <c r="Y15" s="463"/>
      <c r="Z15" s="322"/>
      <c r="AA15" s="113" t="s">
        <v>94</v>
      </c>
      <c r="AB15" s="113" t="s">
        <v>95</v>
      </c>
      <c r="AC15" s="113" t="s">
        <v>96</v>
      </c>
      <c r="AD15" s="324"/>
    </row>
    <row r="16" spans="2:30" s="290" customFormat="1" ht="27" customHeight="1" x14ac:dyDescent="0.15">
      <c r="B16" s="457"/>
      <c r="C16" s="407"/>
      <c r="D16" s="407"/>
      <c r="E16" s="407"/>
      <c r="F16" s="458"/>
      <c r="G16" s="464" t="s">
        <v>372</v>
      </c>
      <c r="H16" s="465"/>
      <c r="I16" s="465"/>
      <c r="J16" s="465"/>
      <c r="K16" s="465"/>
      <c r="L16" s="465"/>
      <c r="M16" s="465"/>
      <c r="N16" s="465"/>
      <c r="O16" s="465"/>
      <c r="P16" s="465"/>
      <c r="Q16" s="465"/>
      <c r="R16" s="465"/>
      <c r="S16" s="465"/>
      <c r="T16" s="465"/>
      <c r="U16" s="465"/>
      <c r="V16" s="465"/>
      <c r="W16" s="465"/>
      <c r="X16" s="465"/>
      <c r="Y16" s="466"/>
      <c r="Z16" s="91"/>
      <c r="AA16" s="109" t="s">
        <v>0</v>
      </c>
      <c r="AB16" s="109" t="s">
        <v>95</v>
      </c>
      <c r="AC16" s="109" t="s">
        <v>0</v>
      </c>
      <c r="AD16" s="88"/>
    </row>
    <row r="17" spans="2:30" s="290" customFormat="1" ht="27" customHeight="1" x14ac:dyDescent="0.15">
      <c r="B17" s="457"/>
      <c r="C17" s="407"/>
      <c r="D17" s="407"/>
      <c r="E17" s="407"/>
      <c r="F17" s="458"/>
      <c r="G17" s="467" t="s">
        <v>373</v>
      </c>
      <c r="H17" s="468"/>
      <c r="I17" s="468"/>
      <c r="J17" s="468"/>
      <c r="K17" s="468"/>
      <c r="L17" s="468"/>
      <c r="M17" s="468"/>
      <c r="N17" s="468"/>
      <c r="O17" s="468"/>
      <c r="P17" s="468"/>
      <c r="Q17" s="468"/>
      <c r="R17" s="468"/>
      <c r="S17" s="468"/>
      <c r="T17" s="468"/>
      <c r="U17" s="468"/>
      <c r="V17" s="468"/>
      <c r="W17" s="468"/>
      <c r="X17" s="468"/>
      <c r="Y17" s="469"/>
      <c r="Z17" s="91"/>
      <c r="AA17" s="109" t="s">
        <v>0</v>
      </c>
      <c r="AB17" s="109" t="s">
        <v>95</v>
      </c>
      <c r="AC17" s="109" t="s">
        <v>0</v>
      </c>
      <c r="AD17" s="88"/>
    </row>
    <row r="18" spans="2:30" s="290" customFormat="1" ht="27" customHeight="1" x14ac:dyDescent="0.15">
      <c r="B18" s="459"/>
      <c r="C18" s="397"/>
      <c r="D18" s="397"/>
      <c r="E18" s="397"/>
      <c r="F18" s="460"/>
      <c r="G18" s="470" t="s">
        <v>374</v>
      </c>
      <c r="H18" s="471"/>
      <c r="I18" s="471"/>
      <c r="J18" s="471"/>
      <c r="K18" s="471"/>
      <c r="L18" s="471"/>
      <c r="M18" s="471"/>
      <c r="N18" s="471"/>
      <c r="O18" s="471"/>
      <c r="P18" s="471"/>
      <c r="Q18" s="471"/>
      <c r="R18" s="471"/>
      <c r="S18" s="471"/>
      <c r="T18" s="471"/>
      <c r="U18" s="471"/>
      <c r="V18" s="471"/>
      <c r="W18" s="471"/>
      <c r="X18" s="471"/>
      <c r="Y18" s="472"/>
      <c r="Z18" s="89"/>
      <c r="AA18" s="111" t="s">
        <v>0</v>
      </c>
      <c r="AB18" s="111" t="s">
        <v>95</v>
      </c>
      <c r="AC18" s="111" t="s">
        <v>0</v>
      </c>
      <c r="AD18" s="90"/>
    </row>
    <row r="19" spans="2:30" s="290" customFormat="1" ht="6" customHeight="1" x14ac:dyDescent="0.15">
      <c r="B19" s="274"/>
      <c r="C19" s="274"/>
      <c r="D19" s="274"/>
      <c r="E19" s="274"/>
      <c r="F19" s="274"/>
      <c r="G19" s="326"/>
      <c r="H19" s="326"/>
      <c r="I19" s="326"/>
      <c r="J19" s="326"/>
      <c r="K19" s="326"/>
      <c r="L19" s="326"/>
      <c r="M19" s="326"/>
      <c r="N19" s="326"/>
      <c r="O19" s="326"/>
      <c r="P19" s="326"/>
      <c r="Q19" s="326"/>
      <c r="R19" s="326"/>
      <c r="S19" s="326"/>
      <c r="T19" s="326"/>
      <c r="U19" s="326"/>
      <c r="V19" s="326"/>
      <c r="W19" s="326"/>
      <c r="X19" s="326"/>
      <c r="Y19" s="326"/>
      <c r="Z19" s="276"/>
      <c r="AA19" s="276"/>
      <c r="AB19" s="276"/>
      <c r="AC19" s="276"/>
      <c r="AD19" s="276"/>
    </row>
    <row r="20" spans="2:30" s="290" customFormat="1" x14ac:dyDescent="0.15">
      <c r="B20" s="290" t="s">
        <v>375</v>
      </c>
      <c r="C20" s="274"/>
      <c r="D20" s="274"/>
      <c r="E20" s="274"/>
      <c r="F20" s="274"/>
      <c r="G20" s="326"/>
      <c r="H20" s="326"/>
      <c r="I20" s="326"/>
      <c r="J20" s="326"/>
      <c r="K20" s="326"/>
      <c r="L20" s="326"/>
      <c r="M20" s="326"/>
      <c r="N20" s="326"/>
      <c r="O20" s="326"/>
      <c r="P20" s="326"/>
      <c r="Q20" s="326"/>
      <c r="R20" s="326"/>
      <c r="S20" s="326"/>
      <c r="T20" s="326"/>
      <c r="U20" s="326"/>
      <c r="V20" s="326"/>
      <c r="W20" s="326"/>
      <c r="X20" s="326"/>
      <c r="Y20" s="326"/>
      <c r="Z20" s="276"/>
      <c r="AA20" s="276"/>
      <c r="AB20" s="276"/>
      <c r="AC20" s="276"/>
      <c r="AD20" s="276"/>
    </row>
    <row r="21" spans="2:30" s="290" customFormat="1" x14ac:dyDescent="0.15">
      <c r="B21" s="290" t="s">
        <v>376</v>
      </c>
      <c r="AC21" s="2"/>
      <c r="AD21" s="2"/>
    </row>
    <row r="22" spans="2:30" s="290" customFormat="1" ht="3.75" customHeight="1" x14ac:dyDescent="0.15"/>
    <row r="23" spans="2:30" s="290" customFormat="1" ht="2.25" customHeight="1" x14ac:dyDescent="0.15">
      <c r="B23" s="441" t="s">
        <v>377</v>
      </c>
      <c r="C23" s="442"/>
      <c r="D23" s="442"/>
      <c r="E23" s="442"/>
      <c r="F23" s="443"/>
      <c r="G23" s="296"/>
      <c r="H23" s="297"/>
      <c r="I23" s="297"/>
      <c r="J23" s="297"/>
      <c r="K23" s="297"/>
      <c r="L23" s="297"/>
      <c r="M23" s="297"/>
      <c r="N23" s="297"/>
      <c r="O23" s="297"/>
      <c r="P23" s="297"/>
      <c r="Q23" s="297"/>
      <c r="R23" s="297"/>
      <c r="S23" s="297"/>
      <c r="T23" s="297"/>
      <c r="U23" s="297"/>
      <c r="V23" s="297"/>
      <c r="W23" s="297"/>
      <c r="X23" s="297"/>
      <c r="Y23" s="297"/>
      <c r="Z23" s="296"/>
      <c r="AA23" s="297"/>
      <c r="AB23" s="297"/>
      <c r="AC23" s="323"/>
      <c r="AD23" s="324"/>
    </row>
    <row r="24" spans="2:30" s="290" customFormat="1" ht="13.5" customHeight="1" x14ac:dyDescent="0.15">
      <c r="B24" s="444"/>
      <c r="C24" s="439"/>
      <c r="D24" s="439"/>
      <c r="E24" s="439"/>
      <c r="F24" s="445"/>
      <c r="G24" s="295"/>
      <c r="H24" s="290" t="s">
        <v>378</v>
      </c>
      <c r="Z24" s="295"/>
      <c r="AA24" s="94" t="s">
        <v>94</v>
      </c>
      <c r="AB24" s="94" t="s">
        <v>95</v>
      </c>
      <c r="AC24" s="94" t="s">
        <v>96</v>
      </c>
      <c r="AD24" s="131"/>
    </row>
    <row r="25" spans="2:30" s="290" customFormat="1" ht="15.75" customHeight="1" x14ac:dyDescent="0.15">
      <c r="B25" s="444"/>
      <c r="C25" s="439"/>
      <c r="D25" s="439"/>
      <c r="E25" s="439"/>
      <c r="F25" s="445"/>
      <c r="G25" s="295"/>
      <c r="I25" s="285" t="s">
        <v>180</v>
      </c>
      <c r="J25" s="309" t="s">
        <v>379</v>
      </c>
      <c r="K25" s="286"/>
      <c r="L25" s="286"/>
      <c r="M25" s="286"/>
      <c r="N25" s="286"/>
      <c r="O25" s="286"/>
      <c r="P25" s="286"/>
      <c r="Q25" s="286"/>
      <c r="R25" s="286"/>
      <c r="S25" s="286"/>
      <c r="T25" s="286"/>
      <c r="U25" s="398"/>
      <c r="V25" s="399"/>
      <c r="W25" s="287" t="s">
        <v>181</v>
      </c>
      <c r="Z25" s="132"/>
      <c r="AC25" s="2"/>
      <c r="AD25" s="88"/>
    </row>
    <row r="26" spans="2:30" s="290" customFormat="1" ht="15.75" customHeight="1" x14ac:dyDescent="0.15">
      <c r="B26" s="444"/>
      <c r="C26" s="439"/>
      <c r="D26" s="439"/>
      <c r="E26" s="439"/>
      <c r="F26" s="445"/>
      <c r="G26" s="295"/>
      <c r="I26" s="318" t="s">
        <v>182</v>
      </c>
      <c r="J26" s="309" t="s">
        <v>380</v>
      </c>
      <c r="K26" s="286"/>
      <c r="L26" s="286"/>
      <c r="M26" s="286"/>
      <c r="N26" s="286"/>
      <c r="O26" s="286"/>
      <c r="P26" s="286"/>
      <c r="Q26" s="286"/>
      <c r="R26" s="286"/>
      <c r="S26" s="286"/>
      <c r="T26" s="286"/>
      <c r="U26" s="398"/>
      <c r="V26" s="399"/>
      <c r="W26" s="287" t="s">
        <v>181</v>
      </c>
      <c r="Y26" s="133"/>
      <c r="Z26" s="91"/>
      <c r="AA26" s="109" t="s">
        <v>0</v>
      </c>
      <c r="AB26" s="109" t="s">
        <v>95</v>
      </c>
      <c r="AC26" s="109" t="s">
        <v>0</v>
      </c>
      <c r="AD26" s="88"/>
    </row>
    <row r="27" spans="2:30" s="290" customFormat="1" x14ac:dyDescent="0.15">
      <c r="B27" s="444"/>
      <c r="C27" s="439"/>
      <c r="D27" s="439"/>
      <c r="E27" s="439"/>
      <c r="F27" s="445"/>
      <c r="G27" s="295"/>
      <c r="H27" s="290" t="s">
        <v>381</v>
      </c>
      <c r="U27" s="272"/>
      <c r="V27" s="272"/>
      <c r="Z27" s="295"/>
      <c r="AC27" s="2"/>
      <c r="AD27" s="88"/>
    </row>
    <row r="28" spans="2:30" s="290" customFormat="1" x14ac:dyDescent="0.15">
      <c r="B28" s="444"/>
      <c r="C28" s="439"/>
      <c r="D28" s="439"/>
      <c r="E28" s="439"/>
      <c r="F28" s="445"/>
      <c r="G28" s="295"/>
      <c r="H28" s="290" t="s">
        <v>382</v>
      </c>
      <c r="T28" s="134"/>
      <c r="U28" s="133"/>
      <c r="V28" s="272"/>
      <c r="Z28" s="295"/>
      <c r="AC28" s="2"/>
      <c r="AD28" s="88"/>
    </row>
    <row r="29" spans="2:30" s="290" customFormat="1" ht="29.25" customHeight="1" x14ac:dyDescent="0.15">
      <c r="B29" s="444"/>
      <c r="C29" s="439"/>
      <c r="D29" s="439"/>
      <c r="E29" s="439"/>
      <c r="F29" s="445"/>
      <c r="G29" s="295"/>
      <c r="I29" s="285" t="s">
        <v>264</v>
      </c>
      <c r="J29" s="473" t="s">
        <v>383</v>
      </c>
      <c r="K29" s="473"/>
      <c r="L29" s="473"/>
      <c r="M29" s="473"/>
      <c r="N29" s="473"/>
      <c r="O29" s="473"/>
      <c r="P29" s="473"/>
      <c r="Q29" s="473"/>
      <c r="R29" s="473"/>
      <c r="S29" s="473"/>
      <c r="T29" s="473"/>
      <c r="U29" s="398"/>
      <c r="V29" s="399"/>
      <c r="W29" s="287" t="s">
        <v>181</v>
      </c>
      <c r="Y29" s="133"/>
      <c r="Z29" s="91"/>
      <c r="AA29" s="109" t="s">
        <v>0</v>
      </c>
      <c r="AB29" s="109" t="s">
        <v>95</v>
      </c>
      <c r="AC29" s="109" t="s">
        <v>0</v>
      </c>
      <c r="AD29" s="88"/>
    </row>
    <row r="30" spans="2:30" s="290" customFormat="1" ht="2.25" customHeight="1" x14ac:dyDescent="0.15">
      <c r="B30" s="446"/>
      <c r="C30" s="447"/>
      <c r="D30" s="447"/>
      <c r="E30" s="447"/>
      <c r="F30" s="448"/>
      <c r="G30" s="299"/>
      <c r="H30" s="259"/>
      <c r="I30" s="259"/>
      <c r="J30" s="259"/>
      <c r="K30" s="259"/>
      <c r="L30" s="259"/>
      <c r="M30" s="259"/>
      <c r="N30" s="259"/>
      <c r="O30" s="259"/>
      <c r="P30" s="259"/>
      <c r="Q30" s="259"/>
      <c r="R30" s="259"/>
      <c r="S30" s="259"/>
      <c r="T30" s="135"/>
      <c r="U30" s="136"/>
      <c r="V30" s="256"/>
      <c r="W30" s="259"/>
      <c r="X30" s="259"/>
      <c r="Y30" s="259"/>
      <c r="Z30" s="299"/>
      <c r="AA30" s="259"/>
      <c r="AB30" s="259"/>
      <c r="AC30" s="317"/>
      <c r="AD30" s="325"/>
    </row>
    <row r="31" spans="2:30" s="290" customFormat="1" ht="6" customHeight="1" x14ac:dyDescent="0.15">
      <c r="B31" s="289"/>
      <c r="C31" s="289"/>
      <c r="D31" s="289"/>
      <c r="E31" s="289"/>
      <c r="F31" s="289"/>
      <c r="T31" s="134"/>
      <c r="U31" s="133"/>
      <c r="V31" s="272"/>
    </row>
    <row r="32" spans="2:30" s="290" customFormat="1" x14ac:dyDescent="0.15">
      <c r="B32" s="290" t="s">
        <v>384</v>
      </c>
      <c r="C32" s="289"/>
      <c r="D32" s="289"/>
      <c r="E32" s="289"/>
      <c r="F32" s="289"/>
      <c r="T32" s="134"/>
      <c r="U32" s="133"/>
      <c r="V32" s="272"/>
    </row>
    <row r="33" spans="2:31" s="290" customFormat="1" ht="4.5" customHeight="1" x14ac:dyDescent="0.15">
      <c r="B33" s="289"/>
      <c r="C33" s="289"/>
      <c r="D33" s="289"/>
      <c r="E33" s="289"/>
      <c r="F33" s="289"/>
      <c r="T33" s="134"/>
      <c r="U33" s="133"/>
      <c r="V33" s="272"/>
    </row>
    <row r="34" spans="2:31" s="290" customFormat="1" ht="2.25" customHeight="1" x14ac:dyDescent="0.15">
      <c r="B34" s="441" t="s">
        <v>377</v>
      </c>
      <c r="C34" s="442"/>
      <c r="D34" s="442"/>
      <c r="E34" s="442"/>
      <c r="F34" s="443"/>
      <c r="G34" s="296"/>
      <c r="H34" s="297"/>
      <c r="I34" s="297"/>
      <c r="J34" s="297"/>
      <c r="K34" s="297"/>
      <c r="L34" s="297"/>
      <c r="M34" s="297"/>
      <c r="N34" s="297"/>
      <c r="O34" s="297"/>
      <c r="P34" s="297"/>
      <c r="Q34" s="297"/>
      <c r="R34" s="297"/>
      <c r="S34" s="297"/>
      <c r="T34" s="297"/>
      <c r="U34" s="253"/>
      <c r="V34" s="253"/>
      <c r="W34" s="297"/>
      <c r="X34" s="297"/>
      <c r="Y34" s="297"/>
      <c r="Z34" s="296"/>
      <c r="AA34" s="297"/>
      <c r="AB34" s="297"/>
      <c r="AC34" s="323"/>
      <c r="AD34" s="324"/>
    </row>
    <row r="35" spans="2:31" s="290" customFormat="1" ht="13.5" customHeight="1" x14ac:dyDescent="0.15">
      <c r="B35" s="444"/>
      <c r="C35" s="439"/>
      <c r="D35" s="439"/>
      <c r="E35" s="439"/>
      <c r="F35" s="445"/>
      <c r="G35" s="295"/>
      <c r="H35" s="290" t="s">
        <v>385</v>
      </c>
      <c r="U35" s="272"/>
      <c r="V35" s="272"/>
      <c r="Z35" s="295"/>
      <c r="AA35" s="94" t="s">
        <v>94</v>
      </c>
      <c r="AB35" s="94" t="s">
        <v>95</v>
      </c>
      <c r="AC35" s="94" t="s">
        <v>96</v>
      </c>
      <c r="AD35" s="131"/>
    </row>
    <row r="36" spans="2:31" s="290" customFormat="1" ht="15.75" customHeight="1" x14ac:dyDescent="0.15">
      <c r="B36" s="444"/>
      <c r="C36" s="439"/>
      <c r="D36" s="439"/>
      <c r="E36" s="439"/>
      <c r="F36" s="445"/>
      <c r="G36" s="295"/>
      <c r="I36" s="285" t="s">
        <v>180</v>
      </c>
      <c r="J36" s="310" t="s">
        <v>379</v>
      </c>
      <c r="K36" s="286"/>
      <c r="L36" s="286"/>
      <c r="M36" s="286"/>
      <c r="N36" s="286"/>
      <c r="O36" s="286"/>
      <c r="P36" s="286"/>
      <c r="Q36" s="286"/>
      <c r="R36" s="286"/>
      <c r="S36" s="286"/>
      <c r="T36" s="286"/>
      <c r="U36" s="398"/>
      <c r="V36" s="399"/>
      <c r="W36" s="287" t="s">
        <v>181</v>
      </c>
      <c r="Z36" s="132"/>
      <c r="AC36" s="2"/>
      <c r="AD36" s="88"/>
    </row>
    <row r="37" spans="2:31" s="290" customFormat="1" ht="15.75" customHeight="1" x14ac:dyDescent="0.15">
      <c r="B37" s="444"/>
      <c r="C37" s="439"/>
      <c r="D37" s="439"/>
      <c r="E37" s="439"/>
      <c r="F37" s="445"/>
      <c r="G37" s="295"/>
      <c r="I37" s="318" t="s">
        <v>182</v>
      </c>
      <c r="J37" s="137" t="s">
        <v>380</v>
      </c>
      <c r="K37" s="259"/>
      <c r="L37" s="259"/>
      <c r="M37" s="259"/>
      <c r="N37" s="259"/>
      <c r="O37" s="259"/>
      <c r="P37" s="259"/>
      <c r="Q37" s="259"/>
      <c r="R37" s="259"/>
      <c r="S37" s="259"/>
      <c r="T37" s="259"/>
      <c r="U37" s="398"/>
      <c r="V37" s="399"/>
      <c r="W37" s="287" t="s">
        <v>181</v>
      </c>
      <c r="Y37" s="133"/>
      <c r="Z37" s="91"/>
      <c r="AA37" s="109" t="s">
        <v>0</v>
      </c>
      <c r="AB37" s="109" t="s">
        <v>95</v>
      </c>
      <c r="AC37" s="109" t="s">
        <v>0</v>
      </c>
      <c r="AD37" s="88"/>
    </row>
    <row r="38" spans="2:31" s="290" customFormat="1" ht="13.5" customHeight="1" x14ac:dyDescent="0.15">
      <c r="B38" s="446"/>
      <c r="C38" s="447"/>
      <c r="D38" s="447"/>
      <c r="E38" s="447"/>
      <c r="F38" s="448"/>
      <c r="G38" s="295"/>
      <c r="H38" s="290" t="s">
        <v>381</v>
      </c>
      <c r="U38" s="272"/>
      <c r="V38" s="272"/>
      <c r="Z38" s="295"/>
      <c r="AC38" s="2"/>
      <c r="AD38" s="88"/>
    </row>
    <row r="39" spans="2:31" s="290" customFormat="1" ht="13.5" customHeight="1" x14ac:dyDescent="0.15">
      <c r="B39" s="444"/>
      <c r="C39" s="442"/>
      <c r="D39" s="439"/>
      <c r="E39" s="439"/>
      <c r="F39" s="445"/>
      <c r="G39" s="295"/>
      <c r="H39" s="290" t="s">
        <v>386</v>
      </c>
      <c r="T39" s="134"/>
      <c r="U39" s="133"/>
      <c r="V39" s="272"/>
      <c r="Z39" s="295"/>
      <c r="AC39" s="2"/>
      <c r="AD39" s="88"/>
      <c r="AE39" s="295"/>
    </row>
    <row r="40" spans="2:31" s="290" customFormat="1" ht="30" customHeight="1" x14ac:dyDescent="0.15">
      <c r="B40" s="444"/>
      <c r="C40" s="439"/>
      <c r="D40" s="439"/>
      <c r="E40" s="439"/>
      <c r="F40" s="445"/>
      <c r="G40" s="295"/>
      <c r="I40" s="285" t="s">
        <v>264</v>
      </c>
      <c r="J40" s="473" t="s">
        <v>387</v>
      </c>
      <c r="K40" s="473"/>
      <c r="L40" s="473"/>
      <c r="M40" s="473"/>
      <c r="N40" s="473"/>
      <c r="O40" s="473"/>
      <c r="P40" s="473"/>
      <c r="Q40" s="473"/>
      <c r="R40" s="473"/>
      <c r="S40" s="473"/>
      <c r="T40" s="473"/>
      <c r="U40" s="398"/>
      <c r="V40" s="399"/>
      <c r="W40" s="287" t="s">
        <v>181</v>
      </c>
      <c r="Y40" s="133"/>
      <c r="Z40" s="91"/>
      <c r="AA40" s="109" t="s">
        <v>0</v>
      </c>
      <c r="AB40" s="109" t="s">
        <v>95</v>
      </c>
      <c r="AC40" s="109" t="s">
        <v>0</v>
      </c>
      <c r="AD40" s="88"/>
    </row>
    <row r="41" spans="2:31" s="290" customFormat="1" ht="2.25" customHeight="1" x14ac:dyDescent="0.15">
      <c r="B41" s="446"/>
      <c r="C41" s="447"/>
      <c r="D41" s="447"/>
      <c r="E41" s="447"/>
      <c r="F41" s="448"/>
      <c r="G41" s="299"/>
      <c r="H41" s="259"/>
      <c r="I41" s="259"/>
      <c r="J41" s="259"/>
      <c r="K41" s="259"/>
      <c r="L41" s="259"/>
      <c r="M41" s="259"/>
      <c r="N41" s="259"/>
      <c r="O41" s="259"/>
      <c r="P41" s="259"/>
      <c r="Q41" s="259"/>
      <c r="R41" s="259"/>
      <c r="S41" s="259"/>
      <c r="T41" s="135"/>
      <c r="U41" s="136"/>
      <c r="V41" s="256"/>
      <c r="W41" s="259"/>
      <c r="X41" s="259"/>
      <c r="Y41" s="259"/>
      <c r="Z41" s="299"/>
      <c r="AA41" s="259"/>
      <c r="AB41" s="259"/>
      <c r="AC41" s="317"/>
      <c r="AD41" s="325"/>
    </row>
    <row r="42" spans="2:31" s="290" customFormat="1" ht="6" customHeight="1" x14ac:dyDescent="0.15">
      <c r="B42" s="289"/>
      <c r="C42" s="289"/>
      <c r="D42" s="289"/>
      <c r="E42" s="289"/>
      <c r="F42" s="289"/>
      <c r="T42" s="134"/>
      <c r="U42" s="133"/>
      <c r="V42" s="272"/>
    </row>
    <row r="43" spans="2:31" s="290" customFormat="1" ht="13.5" customHeight="1" x14ac:dyDescent="0.15">
      <c r="B43" s="290" t="s">
        <v>388</v>
      </c>
      <c r="C43" s="289"/>
      <c r="D43" s="289"/>
      <c r="E43" s="289"/>
      <c r="F43" s="289"/>
      <c r="T43" s="134"/>
      <c r="U43" s="133"/>
      <c r="V43" s="272"/>
    </row>
    <row r="44" spans="2:31" s="290" customFormat="1" ht="13.5" customHeight="1" x14ac:dyDescent="0.15">
      <c r="B44" s="138" t="s">
        <v>389</v>
      </c>
      <c r="D44" s="289"/>
      <c r="E44" s="289"/>
      <c r="F44" s="289"/>
      <c r="T44" s="134"/>
      <c r="U44" s="133"/>
      <c r="V44" s="272"/>
    </row>
    <row r="45" spans="2:31" s="290" customFormat="1" ht="3" customHeight="1" x14ac:dyDescent="0.15">
      <c r="C45" s="289"/>
      <c r="D45" s="289"/>
      <c r="E45" s="289"/>
      <c r="F45" s="289"/>
      <c r="T45" s="134"/>
      <c r="U45" s="133"/>
      <c r="V45" s="272"/>
    </row>
    <row r="46" spans="2:31" s="290" customFormat="1" ht="3" customHeight="1" x14ac:dyDescent="0.15">
      <c r="B46" s="441" t="s">
        <v>377</v>
      </c>
      <c r="C46" s="442"/>
      <c r="D46" s="442"/>
      <c r="E46" s="442"/>
      <c r="F46" s="443"/>
      <c r="G46" s="296"/>
      <c r="H46" s="297"/>
      <c r="I46" s="297"/>
      <c r="J46" s="297"/>
      <c r="K46" s="297"/>
      <c r="L46" s="297"/>
      <c r="M46" s="297"/>
      <c r="N46" s="297"/>
      <c r="O46" s="297"/>
      <c r="P46" s="297"/>
      <c r="Q46" s="297"/>
      <c r="R46" s="297"/>
      <c r="S46" s="297"/>
      <c r="T46" s="297"/>
      <c r="U46" s="253"/>
      <c r="V46" s="253"/>
      <c r="W46" s="297"/>
      <c r="X46" s="297"/>
      <c r="Y46" s="297"/>
      <c r="Z46" s="296"/>
      <c r="AA46" s="297"/>
      <c r="AB46" s="297"/>
      <c r="AC46" s="323"/>
      <c r="AD46" s="324"/>
    </row>
    <row r="47" spans="2:31" s="290" customFormat="1" ht="13.5" customHeight="1" x14ac:dyDescent="0.15">
      <c r="B47" s="444"/>
      <c r="C47" s="439"/>
      <c r="D47" s="439"/>
      <c r="E47" s="439"/>
      <c r="F47" s="445"/>
      <c r="G47" s="295"/>
      <c r="H47" s="290" t="s">
        <v>390</v>
      </c>
      <c r="U47" s="272"/>
      <c r="V47" s="272"/>
      <c r="Z47" s="295"/>
      <c r="AA47" s="94" t="s">
        <v>94</v>
      </c>
      <c r="AB47" s="94" t="s">
        <v>95</v>
      </c>
      <c r="AC47" s="94" t="s">
        <v>96</v>
      </c>
      <c r="AD47" s="131"/>
    </row>
    <row r="48" spans="2:31" s="290" customFormat="1" ht="15.75" customHeight="1" x14ac:dyDescent="0.15">
      <c r="B48" s="444"/>
      <c r="C48" s="439"/>
      <c r="D48" s="439"/>
      <c r="E48" s="439"/>
      <c r="F48" s="445"/>
      <c r="G48" s="295"/>
      <c r="I48" s="285" t="s">
        <v>180</v>
      </c>
      <c r="J48" s="310" t="s">
        <v>379</v>
      </c>
      <c r="K48" s="286"/>
      <c r="L48" s="286"/>
      <c r="M48" s="286"/>
      <c r="N48" s="286"/>
      <c r="O48" s="286"/>
      <c r="P48" s="286"/>
      <c r="Q48" s="286"/>
      <c r="R48" s="286"/>
      <c r="S48" s="286"/>
      <c r="T48" s="286"/>
      <c r="U48" s="398"/>
      <c r="V48" s="399"/>
      <c r="W48" s="287" t="s">
        <v>181</v>
      </c>
      <c r="Z48" s="132"/>
      <c r="AC48" s="2"/>
      <c r="AD48" s="88"/>
    </row>
    <row r="49" spans="2:30" s="290" customFormat="1" ht="15.75" customHeight="1" x14ac:dyDescent="0.15">
      <c r="B49" s="444"/>
      <c r="C49" s="439"/>
      <c r="D49" s="439"/>
      <c r="E49" s="439"/>
      <c r="F49" s="445"/>
      <c r="G49" s="295"/>
      <c r="I49" s="318" t="s">
        <v>182</v>
      </c>
      <c r="J49" s="137" t="s">
        <v>380</v>
      </c>
      <c r="K49" s="259"/>
      <c r="L49" s="259"/>
      <c r="M49" s="259"/>
      <c r="N49" s="259"/>
      <c r="O49" s="259"/>
      <c r="P49" s="259"/>
      <c r="Q49" s="259"/>
      <c r="R49" s="259"/>
      <c r="S49" s="259"/>
      <c r="T49" s="259"/>
      <c r="U49" s="398"/>
      <c r="V49" s="399"/>
      <c r="W49" s="287" t="s">
        <v>181</v>
      </c>
      <c r="Y49" s="133"/>
      <c r="Z49" s="91"/>
      <c r="AA49" s="109" t="s">
        <v>0</v>
      </c>
      <c r="AB49" s="109" t="s">
        <v>95</v>
      </c>
      <c r="AC49" s="109" t="s">
        <v>0</v>
      </c>
      <c r="AD49" s="88"/>
    </row>
    <row r="50" spans="2:30" s="290" customFormat="1" ht="13.5" customHeight="1" x14ac:dyDescent="0.15">
      <c r="B50" s="444"/>
      <c r="C50" s="439"/>
      <c r="D50" s="439"/>
      <c r="E50" s="439"/>
      <c r="F50" s="445"/>
      <c r="G50" s="295"/>
      <c r="H50" s="290" t="s">
        <v>381</v>
      </c>
      <c r="U50" s="272"/>
      <c r="V50" s="272"/>
      <c r="Z50" s="295"/>
      <c r="AC50" s="2"/>
      <c r="AD50" s="88"/>
    </row>
    <row r="51" spans="2:30" s="290" customFormat="1" ht="13.5" customHeight="1" x14ac:dyDescent="0.15">
      <c r="B51" s="444"/>
      <c r="C51" s="439"/>
      <c r="D51" s="439"/>
      <c r="E51" s="439"/>
      <c r="F51" s="445"/>
      <c r="G51" s="295"/>
      <c r="H51" s="290" t="s">
        <v>391</v>
      </c>
      <c r="T51" s="134"/>
      <c r="U51" s="133"/>
      <c r="V51" s="272"/>
      <c r="Z51" s="295"/>
      <c r="AC51" s="2"/>
      <c r="AD51" s="88"/>
    </row>
    <row r="52" spans="2:30" s="290" customFormat="1" ht="30" customHeight="1" x14ac:dyDescent="0.15">
      <c r="B52" s="444"/>
      <c r="C52" s="439"/>
      <c r="D52" s="439"/>
      <c r="E52" s="439"/>
      <c r="F52" s="445"/>
      <c r="G52" s="295"/>
      <c r="I52" s="285" t="s">
        <v>264</v>
      </c>
      <c r="J52" s="473" t="s">
        <v>387</v>
      </c>
      <c r="K52" s="473"/>
      <c r="L52" s="473"/>
      <c r="M52" s="473"/>
      <c r="N52" s="473"/>
      <c r="O52" s="473"/>
      <c r="P52" s="473"/>
      <c r="Q52" s="473"/>
      <c r="R52" s="473"/>
      <c r="S52" s="473"/>
      <c r="T52" s="473"/>
      <c r="U52" s="398"/>
      <c r="V52" s="399"/>
      <c r="W52" s="287" t="s">
        <v>181</v>
      </c>
      <c r="Y52" s="133"/>
      <c r="Z52" s="91"/>
      <c r="AA52" s="109" t="s">
        <v>0</v>
      </c>
      <c r="AB52" s="109" t="s">
        <v>95</v>
      </c>
      <c r="AC52" s="109" t="s">
        <v>0</v>
      </c>
      <c r="AD52" s="88"/>
    </row>
    <row r="53" spans="2:30" s="290" customFormat="1" ht="3" customHeight="1" x14ac:dyDescent="0.15">
      <c r="B53" s="446"/>
      <c r="C53" s="447"/>
      <c r="D53" s="447"/>
      <c r="E53" s="447"/>
      <c r="F53" s="448"/>
      <c r="G53" s="299"/>
      <c r="H53" s="259"/>
      <c r="I53" s="259"/>
      <c r="J53" s="259"/>
      <c r="K53" s="259"/>
      <c r="L53" s="259"/>
      <c r="M53" s="259"/>
      <c r="N53" s="259"/>
      <c r="O53" s="259"/>
      <c r="P53" s="259"/>
      <c r="Q53" s="259"/>
      <c r="R53" s="259"/>
      <c r="S53" s="259"/>
      <c r="T53" s="135"/>
      <c r="U53" s="136"/>
      <c r="V53" s="256"/>
      <c r="W53" s="259"/>
      <c r="X53" s="259"/>
      <c r="Y53" s="259"/>
      <c r="Z53" s="299"/>
      <c r="AA53" s="259"/>
      <c r="AB53" s="259"/>
      <c r="AC53" s="317"/>
      <c r="AD53" s="325"/>
    </row>
    <row r="54" spans="2:30" s="290" customFormat="1" ht="3" customHeight="1" x14ac:dyDescent="0.15">
      <c r="B54" s="441" t="s">
        <v>392</v>
      </c>
      <c r="C54" s="442"/>
      <c r="D54" s="442"/>
      <c r="E54" s="442"/>
      <c r="F54" s="443"/>
      <c r="G54" s="296"/>
      <c r="H54" s="297"/>
      <c r="I54" s="297"/>
      <c r="J54" s="297"/>
      <c r="K54" s="297"/>
      <c r="L54" s="297"/>
      <c r="M54" s="297"/>
      <c r="N54" s="297"/>
      <c r="O54" s="297"/>
      <c r="P54" s="297"/>
      <c r="Q54" s="297"/>
      <c r="R54" s="297"/>
      <c r="S54" s="297"/>
      <c r="T54" s="297"/>
      <c r="U54" s="253"/>
      <c r="V54" s="253"/>
      <c r="W54" s="297"/>
      <c r="X54" s="297"/>
      <c r="Y54" s="297"/>
      <c r="Z54" s="296"/>
      <c r="AA54" s="297"/>
      <c r="AB54" s="297"/>
      <c r="AC54" s="323"/>
      <c r="AD54" s="324"/>
    </row>
    <row r="55" spans="2:30" s="290" customFormat="1" x14ac:dyDescent="0.15">
      <c r="B55" s="444"/>
      <c r="C55" s="439"/>
      <c r="D55" s="439"/>
      <c r="E55" s="439"/>
      <c r="F55" s="445"/>
      <c r="G55" s="295"/>
      <c r="H55" s="290" t="s">
        <v>378</v>
      </c>
      <c r="U55" s="272"/>
      <c r="V55" s="272"/>
      <c r="Z55" s="295"/>
      <c r="AA55" s="94" t="s">
        <v>94</v>
      </c>
      <c r="AB55" s="94" t="s">
        <v>95</v>
      </c>
      <c r="AC55" s="94" t="s">
        <v>96</v>
      </c>
      <c r="AD55" s="131"/>
    </row>
    <row r="56" spans="2:30" s="290" customFormat="1" ht="15.75" customHeight="1" x14ac:dyDescent="0.15">
      <c r="B56" s="444"/>
      <c r="C56" s="439"/>
      <c r="D56" s="439"/>
      <c r="E56" s="439"/>
      <c r="F56" s="445"/>
      <c r="G56" s="295"/>
      <c r="I56" s="285" t="s">
        <v>180</v>
      </c>
      <c r="J56" s="474" t="s">
        <v>393</v>
      </c>
      <c r="K56" s="475"/>
      <c r="L56" s="475"/>
      <c r="M56" s="475"/>
      <c r="N56" s="475"/>
      <c r="O56" s="475"/>
      <c r="P56" s="475"/>
      <c r="Q56" s="475"/>
      <c r="R56" s="475"/>
      <c r="S56" s="475"/>
      <c r="T56" s="475"/>
      <c r="U56" s="398"/>
      <c r="V56" s="399"/>
      <c r="W56" s="287" t="s">
        <v>181</v>
      </c>
      <c r="Z56" s="295"/>
      <c r="AC56" s="2"/>
      <c r="AD56" s="88"/>
    </row>
    <row r="57" spans="2:30" s="290" customFormat="1" ht="15.75" customHeight="1" x14ac:dyDescent="0.15">
      <c r="B57" s="444"/>
      <c r="C57" s="439"/>
      <c r="D57" s="439"/>
      <c r="E57" s="439"/>
      <c r="F57" s="445"/>
      <c r="G57" s="295"/>
      <c r="I57" s="318" t="s">
        <v>182</v>
      </c>
      <c r="J57" s="476" t="s">
        <v>394</v>
      </c>
      <c r="K57" s="473"/>
      <c r="L57" s="473"/>
      <c r="M57" s="473"/>
      <c r="N57" s="473"/>
      <c r="O57" s="473"/>
      <c r="P57" s="473"/>
      <c r="Q57" s="473"/>
      <c r="R57" s="473"/>
      <c r="S57" s="473"/>
      <c r="T57" s="473"/>
      <c r="U57" s="404"/>
      <c r="V57" s="405"/>
      <c r="W57" s="300" t="s">
        <v>181</v>
      </c>
      <c r="Y57" s="133"/>
      <c r="Z57" s="91"/>
      <c r="AA57" s="109" t="s">
        <v>0</v>
      </c>
      <c r="AB57" s="109" t="s">
        <v>95</v>
      </c>
      <c r="AC57" s="109" t="s">
        <v>0</v>
      </c>
      <c r="AD57" s="88"/>
    </row>
    <row r="58" spans="2:30" s="290" customFormat="1" ht="3" customHeight="1" x14ac:dyDescent="0.15">
      <c r="B58" s="446"/>
      <c r="C58" s="447"/>
      <c r="D58" s="447"/>
      <c r="E58" s="447"/>
      <c r="F58" s="448"/>
      <c r="G58" s="299"/>
      <c r="H58" s="259"/>
      <c r="I58" s="259"/>
      <c r="J58" s="259"/>
      <c r="K58" s="259"/>
      <c r="L58" s="259"/>
      <c r="M58" s="259"/>
      <c r="N58" s="259"/>
      <c r="O58" s="259"/>
      <c r="P58" s="259"/>
      <c r="Q58" s="259"/>
      <c r="R58" s="259"/>
      <c r="S58" s="259"/>
      <c r="T58" s="135"/>
      <c r="U58" s="136"/>
      <c r="V58" s="256"/>
      <c r="W58" s="259"/>
      <c r="X58" s="259"/>
      <c r="Y58" s="259"/>
      <c r="Z58" s="299"/>
      <c r="AA58" s="259"/>
      <c r="AB58" s="259"/>
      <c r="AC58" s="317"/>
      <c r="AD58" s="325"/>
    </row>
    <row r="59" spans="2:30" s="290" customFormat="1" ht="3" customHeight="1" x14ac:dyDescent="0.15">
      <c r="B59" s="441" t="s">
        <v>395</v>
      </c>
      <c r="C59" s="442"/>
      <c r="D59" s="442"/>
      <c r="E59" s="442"/>
      <c r="F59" s="443"/>
      <c r="G59" s="296"/>
      <c r="H59" s="297"/>
      <c r="I59" s="297"/>
      <c r="J59" s="297"/>
      <c r="K59" s="297"/>
      <c r="L59" s="297"/>
      <c r="M59" s="297"/>
      <c r="N59" s="297"/>
      <c r="O59" s="297"/>
      <c r="P59" s="297"/>
      <c r="Q59" s="297"/>
      <c r="R59" s="297"/>
      <c r="S59" s="297"/>
      <c r="T59" s="297"/>
      <c r="U59" s="253"/>
      <c r="V59" s="253"/>
      <c r="W59" s="297"/>
      <c r="X59" s="297"/>
      <c r="Y59" s="297"/>
      <c r="Z59" s="296"/>
      <c r="AA59" s="297"/>
      <c r="AB59" s="297"/>
      <c r="AC59" s="323"/>
      <c r="AD59" s="324"/>
    </row>
    <row r="60" spans="2:30" s="290" customFormat="1" ht="13.5" customHeight="1" x14ac:dyDescent="0.15">
      <c r="B60" s="444"/>
      <c r="C60" s="439"/>
      <c r="D60" s="439"/>
      <c r="E60" s="439"/>
      <c r="F60" s="445"/>
      <c r="G60" s="295"/>
      <c r="H60" s="290" t="s">
        <v>390</v>
      </c>
      <c r="U60" s="272"/>
      <c r="V60" s="272"/>
      <c r="Z60" s="295"/>
      <c r="AA60" s="94" t="s">
        <v>94</v>
      </c>
      <c r="AB60" s="94" t="s">
        <v>95</v>
      </c>
      <c r="AC60" s="94" t="s">
        <v>96</v>
      </c>
      <c r="AD60" s="131"/>
    </row>
    <row r="61" spans="2:30" s="290" customFormat="1" ht="15.75" customHeight="1" x14ac:dyDescent="0.15">
      <c r="B61" s="444"/>
      <c r="C61" s="439"/>
      <c r="D61" s="439"/>
      <c r="E61" s="439"/>
      <c r="F61" s="445"/>
      <c r="G61" s="295"/>
      <c r="I61" s="285" t="s">
        <v>180</v>
      </c>
      <c r="J61" s="474" t="s">
        <v>393</v>
      </c>
      <c r="K61" s="475"/>
      <c r="L61" s="475"/>
      <c r="M61" s="475"/>
      <c r="N61" s="475"/>
      <c r="O61" s="475"/>
      <c r="P61" s="475"/>
      <c r="Q61" s="475"/>
      <c r="R61" s="475"/>
      <c r="S61" s="475"/>
      <c r="T61" s="475"/>
      <c r="U61" s="398"/>
      <c r="V61" s="399"/>
      <c r="W61" s="287" t="s">
        <v>181</v>
      </c>
      <c r="Z61" s="295"/>
      <c r="AC61" s="2"/>
      <c r="AD61" s="88"/>
    </row>
    <row r="62" spans="2:30" s="290" customFormat="1" ht="30" customHeight="1" x14ac:dyDescent="0.15">
      <c r="B62" s="444"/>
      <c r="C62" s="439"/>
      <c r="D62" s="439"/>
      <c r="E62" s="439"/>
      <c r="F62" s="445"/>
      <c r="G62" s="295"/>
      <c r="I62" s="318" t="s">
        <v>182</v>
      </c>
      <c r="J62" s="476" t="s">
        <v>396</v>
      </c>
      <c r="K62" s="473"/>
      <c r="L62" s="473"/>
      <c r="M62" s="473"/>
      <c r="N62" s="473"/>
      <c r="O62" s="473"/>
      <c r="P62" s="473"/>
      <c r="Q62" s="473"/>
      <c r="R62" s="473"/>
      <c r="S62" s="473"/>
      <c r="T62" s="473"/>
      <c r="U62" s="398"/>
      <c r="V62" s="399"/>
      <c r="W62" s="300" t="s">
        <v>181</v>
      </c>
      <c r="Y62" s="133" t="str">
        <f>IFERROR(U62/U61,"")</f>
        <v/>
      </c>
      <c r="Z62" s="91"/>
      <c r="AA62" s="109" t="s">
        <v>0</v>
      </c>
      <c r="AB62" s="109" t="s">
        <v>95</v>
      </c>
      <c r="AC62" s="109" t="s">
        <v>0</v>
      </c>
      <c r="AD62" s="88"/>
    </row>
    <row r="63" spans="2:30" s="290" customFormat="1" ht="3" customHeight="1" x14ac:dyDescent="0.15">
      <c r="B63" s="446"/>
      <c r="C63" s="447"/>
      <c r="D63" s="447"/>
      <c r="E63" s="447"/>
      <c r="F63" s="448"/>
      <c r="G63" s="299"/>
      <c r="H63" s="259"/>
      <c r="I63" s="259"/>
      <c r="J63" s="259"/>
      <c r="K63" s="259"/>
      <c r="L63" s="259"/>
      <c r="M63" s="259"/>
      <c r="N63" s="259"/>
      <c r="O63" s="259"/>
      <c r="P63" s="259"/>
      <c r="Q63" s="259"/>
      <c r="R63" s="259"/>
      <c r="S63" s="259"/>
      <c r="T63" s="135"/>
      <c r="U63" s="135"/>
      <c r="V63" s="259"/>
      <c r="W63" s="259"/>
      <c r="X63" s="259"/>
      <c r="Y63" s="259"/>
      <c r="Z63" s="299"/>
      <c r="AA63" s="259"/>
      <c r="AB63" s="259"/>
      <c r="AC63" s="317"/>
      <c r="AD63" s="325"/>
    </row>
    <row r="64" spans="2:30" s="290" customFormat="1" ht="6" customHeight="1" x14ac:dyDescent="0.15">
      <c r="B64" s="289"/>
      <c r="C64" s="289"/>
      <c r="D64" s="289"/>
      <c r="E64" s="289"/>
      <c r="F64" s="289"/>
      <c r="T64" s="134"/>
      <c r="U64" s="134"/>
    </row>
    <row r="65" spans="2:30" s="290" customFormat="1" x14ac:dyDescent="0.15">
      <c r="B65" s="477" t="s">
        <v>397</v>
      </c>
      <c r="C65" s="477"/>
      <c r="D65" s="139" t="s">
        <v>398</v>
      </c>
      <c r="E65" s="308"/>
      <c r="F65" s="308"/>
      <c r="G65" s="308"/>
      <c r="H65" s="308"/>
      <c r="I65" s="308"/>
      <c r="J65" s="308"/>
      <c r="K65" s="308"/>
      <c r="L65" s="308"/>
      <c r="M65" s="308"/>
      <c r="N65" s="308"/>
      <c r="O65" s="308"/>
      <c r="P65" s="308"/>
      <c r="Q65" s="308"/>
      <c r="R65" s="308"/>
      <c r="S65" s="308"/>
      <c r="T65" s="308"/>
      <c r="U65" s="308"/>
      <c r="V65" s="308"/>
      <c r="W65" s="308"/>
      <c r="X65" s="308"/>
      <c r="Y65" s="308"/>
      <c r="Z65" s="308"/>
      <c r="AA65" s="308"/>
      <c r="AB65" s="308"/>
      <c r="AC65" s="308"/>
      <c r="AD65" s="308"/>
    </row>
    <row r="66" spans="2:30" s="290" customFormat="1" ht="13.5" customHeight="1" x14ac:dyDescent="0.15">
      <c r="B66" s="477" t="s">
        <v>399</v>
      </c>
      <c r="C66" s="477"/>
      <c r="D66" s="140" t="s">
        <v>400</v>
      </c>
      <c r="E66" s="312"/>
      <c r="F66" s="312"/>
      <c r="G66" s="312"/>
      <c r="H66" s="312"/>
      <c r="I66" s="312"/>
      <c r="J66" s="312"/>
      <c r="K66" s="312"/>
      <c r="L66" s="312"/>
      <c r="M66" s="312"/>
      <c r="N66" s="312"/>
      <c r="O66" s="312"/>
      <c r="P66" s="312"/>
      <c r="Q66" s="312"/>
      <c r="R66" s="312"/>
      <c r="S66" s="312"/>
      <c r="T66" s="312"/>
      <c r="U66" s="312"/>
      <c r="V66" s="312"/>
      <c r="W66" s="312"/>
      <c r="X66" s="312"/>
      <c r="Y66" s="312"/>
      <c r="Z66" s="312"/>
      <c r="AA66" s="312"/>
      <c r="AB66" s="312"/>
      <c r="AC66" s="312"/>
      <c r="AD66" s="312"/>
    </row>
    <row r="67" spans="2:30" s="290" customFormat="1" ht="27" customHeight="1" x14ac:dyDescent="0.15">
      <c r="B67" s="477" t="s">
        <v>401</v>
      </c>
      <c r="C67" s="477"/>
      <c r="D67" s="478" t="s">
        <v>402</v>
      </c>
      <c r="E67" s="478"/>
      <c r="F67" s="478"/>
      <c r="G67" s="478"/>
      <c r="H67" s="478"/>
      <c r="I67" s="478"/>
      <c r="J67" s="478"/>
      <c r="K67" s="478"/>
      <c r="L67" s="478"/>
      <c r="M67" s="478"/>
      <c r="N67" s="478"/>
      <c r="O67" s="478"/>
      <c r="P67" s="478"/>
      <c r="Q67" s="478"/>
      <c r="R67" s="478"/>
      <c r="S67" s="478"/>
      <c r="T67" s="478"/>
      <c r="U67" s="478"/>
      <c r="V67" s="478"/>
      <c r="W67" s="478"/>
      <c r="X67" s="478"/>
      <c r="Y67" s="478"/>
      <c r="Z67" s="478"/>
      <c r="AA67" s="478"/>
      <c r="AB67" s="478"/>
      <c r="AC67" s="478"/>
      <c r="AD67" s="478"/>
    </row>
    <row r="68" spans="2:30" s="290" customFormat="1" x14ac:dyDescent="0.15">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c r="AC68" s="14"/>
      <c r="AD68" s="14"/>
    </row>
    <row r="69" spans="2:30" s="14" customFormat="1" x14ac:dyDescent="0.15"/>
    <row r="70" spans="2:30" x14ac:dyDescent="0.15">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c r="AC70" s="14"/>
      <c r="AD70" s="14"/>
    </row>
    <row r="71" spans="2:30" x14ac:dyDescent="0.15">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c r="AC71" s="14"/>
      <c r="AD71" s="14"/>
    </row>
    <row r="72" spans="2:30" s="14" customFormat="1" x14ac:dyDescent="0.15">
      <c r="B72" s="302"/>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row>
    <row r="73" spans="2:30" s="14" customFormat="1" ht="13.5" customHeight="1" x14ac:dyDescent="0.15">
      <c r="B73" s="302"/>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row>
    <row r="74" spans="2:30" s="14" customFormat="1" ht="13.5" customHeight="1" x14ac:dyDescent="0.15">
      <c r="B74" s="302"/>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row>
    <row r="75" spans="2:30" s="14" customFormat="1" x14ac:dyDescent="0.15">
      <c r="B75" s="302"/>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row>
    <row r="76" spans="2:30" s="14" customFormat="1" x14ac:dyDescent="0.15">
      <c r="B76" s="302"/>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row>
    <row r="77" spans="2:30" s="14" customFormat="1" x14ac:dyDescent="0.15">
      <c r="B77" s="302"/>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row>
    <row r="122" spans="3:7" x14ac:dyDescent="0.15">
      <c r="C122" s="59"/>
      <c r="D122" s="59"/>
      <c r="E122" s="59"/>
      <c r="F122" s="59"/>
      <c r="G122" s="59"/>
    </row>
    <row r="123" spans="3:7" x14ac:dyDescent="0.15">
      <c r="C123" s="57"/>
    </row>
  </sheetData>
  <mergeCells count="44">
    <mergeCell ref="B66:C66"/>
    <mergeCell ref="B67:C67"/>
    <mergeCell ref="D67:AD67"/>
    <mergeCell ref="B59:F63"/>
    <mergeCell ref="J61:T61"/>
    <mergeCell ref="U61:V61"/>
    <mergeCell ref="J62:T62"/>
    <mergeCell ref="U62:V62"/>
    <mergeCell ref="B65:C65"/>
    <mergeCell ref="B46:F53"/>
    <mergeCell ref="U48:V48"/>
    <mergeCell ref="U49:V49"/>
    <mergeCell ref="J52:T52"/>
    <mergeCell ref="U52:V52"/>
    <mergeCell ref="B54:F58"/>
    <mergeCell ref="J56:T56"/>
    <mergeCell ref="U56:V56"/>
    <mergeCell ref="J57:T57"/>
    <mergeCell ref="U57:V57"/>
    <mergeCell ref="B23:F30"/>
    <mergeCell ref="U25:V25"/>
    <mergeCell ref="U26:V26"/>
    <mergeCell ref="J29:T29"/>
    <mergeCell ref="U29:V29"/>
    <mergeCell ref="B34:F41"/>
    <mergeCell ref="U36:V36"/>
    <mergeCell ref="U37:V37"/>
    <mergeCell ref="J40:T40"/>
    <mergeCell ref="U40:V40"/>
    <mergeCell ref="B9:F9"/>
    <mergeCell ref="B10:F11"/>
    <mergeCell ref="B12:F13"/>
    <mergeCell ref="B15:F18"/>
    <mergeCell ref="G15:Y15"/>
    <mergeCell ref="G16:Y16"/>
    <mergeCell ref="G17:Y17"/>
    <mergeCell ref="G18:Y18"/>
    <mergeCell ref="B8:F8"/>
    <mergeCell ref="G8:AD8"/>
    <mergeCell ref="V3:W3"/>
    <mergeCell ref="Y3:Z3"/>
    <mergeCell ref="AB3:AC3"/>
    <mergeCell ref="B5:AD5"/>
    <mergeCell ref="B6:AD6"/>
  </mergeCells>
  <phoneticPr fontId="1"/>
  <dataValidations count="1">
    <dataValidation type="list" allowBlank="1" showInputMessage="1" showErrorMessage="1" sqref="G9:G13 L9 Q9 S12 R10 AA16:AA18 AC16:AC18 AA26 AC26 AA29 AC29 AA37 AC37 AA40 AC40 AA49 AC49 AA52 AC52 AA57 AC57 AA62 AC62">
      <formula1>"□,■"</formula1>
    </dataValidation>
  </dataValidations>
  <pageMargins left="0.7" right="0.7" top="0.75" bottom="0.75" header="0.3" footer="0.3"/>
  <pageSetup paperSize="9" scale="87" orientation="portrait" r:id="rId1"/>
  <rowBreaks count="1" manualBreakCount="1">
    <brk id="68" max="16383"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D123"/>
  <sheetViews>
    <sheetView zoomScaleNormal="100" zoomScaleSheetLayoutView="115" workbookViewId="0">
      <selection activeCell="F61" sqref="F61"/>
    </sheetView>
  </sheetViews>
  <sheetFormatPr defaultColWidth="3.5" defaultRowHeight="13.5" x14ac:dyDescent="0.15"/>
  <cols>
    <col min="1" max="1" width="1.25" style="3" customWidth="1"/>
    <col min="2" max="2" width="3.125" style="302" customWidth="1"/>
    <col min="3" max="30" width="3.125" style="3" customWidth="1"/>
    <col min="31" max="31" width="1.25" style="3" customWidth="1"/>
    <col min="32" max="16384" width="3.5" style="3"/>
  </cols>
  <sheetData>
    <row r="1" spans="2:30" s="290" customFormat="1" x14ac:dyDescent="0.15"/>
    <row r="2" spans="2:30" s="290" customFormat="1" x14ac:dyDescent="0.15">
      <c r="B2" s="290" t="s">
        <v>998</v>
      </c>
    </row>
    <row r="3" spans="2:30" s="290" customFormat="1" x14ac:dyDescent="0.15">
      <c r="U3" s="283" t="s">
        <v>9</v>
      </c>
      <c r="V3" s="392"/>
      <c r="W3" s="392"/>
      <c r="X3" s="283" t="s">
        <v>10</v>
      </c>
      <c r="Y3" s="392"/>
      <c r="Z3" s="392"/>
      <c r="AA3" s="283" t="s">
        <v>11</v>
      </c>
      <c r="AB3" s="392"/>
      <c r="AC3" s="392"/>
      <c r="AD3" s="283" t="s">
        <v>81</v>
      </c>
    </row>
    <row r="4" spans="2:30" s="290" customFormat="1" x14ac:dyDescent="0.15">
      <c r="AD4" s="283"/>
    </row>
    <row r="5" spans="2:30" s="290" customFormat="1" x14ac:dyDescent="0.15">
      <c r="B5" s="392" t="s">
        <v>359</v>
      </c>
      <c r="C5" s="392"/>
      <c r="D5" s="392"/>
      <c r="E5" s="392"/>
      <c r="F5" s="392"/>
      <c r="G5" s="392"/>
      <c r="H5" s="392"/>
      <c r="I5" s="392"/>
      <c r="J5" s="392"/>
      <c r="K5" s="392"/>
      <c r="L5" s="392"/>
      <c r="M5" s="392"/>
      <c r="N5" s="392"/>
      <c r="O5" s="392"/>
      <c r="P5" s="392"/>
      <c r="Q5" s="392"/>
      <c r="R5" s="392"/>
      <c r="S5" s="392"/>
      <c r="T5" s="392"/>
      <c r="U5" s="392"/>
      <c r="V5" s="392"/>
      <c r="W5" s="392"/>
      <c r="X5" s="392"/>
      <c r="Y5" s="392"/>
      <c r="Z5" s="392"/>
      <c r="AA5" s="392"/>
      <c r="AB5" s="392"/>
      <c r="AC5" s="392"/>
      <c r="AD5" s="392"/>
    </row>
    <row r="6" spans="2:30" s="290" customFormat="1" ht="28.5" customHeight="1" x14ac:dyDescent="0.15">
      <c r="B6" s="439" t="s">
        <v>993</v>
      </c>
      <c r="C6" s="439"/>
      <c r="D6" s="439"/>
      <c r="E6" s="439"/>
      <c r="F6" s="439"/>
      <c r="G6" s="439"/>
      <c r="H6" s="439"/>
      <c r="I6" s="439"/>
      <c r="J6" s="439"/>
      <c r="K6" s="439"/>
      <c r="L6" s="439"/>
      <c r="M6" s="439"/>
      <c r="N6" s="439"/>
      <c r="O6" s="439"/>
      <c r="P6" s="439"/>
      <c r="Q6" s="439"/>
      <c r="R6" s="439"/>
      <c r="S6" s="439"/>
      <c r="T6" s="439"/>
      <c r="U6" s="439"/>
      <c r="V6" s="439"/>
      <c r="W6" s="439"/>
      <c r="X6" s="439"/>
      <c r="Y6" s="439"/>
      <c r="Z6" s="439"/>
      <c r="AA6" s="439"/>
      <c r="AB6" s="439"/>
      <c r="AC6" s="439"/>
      <c r="AD6" s="439"/>
    </row>
    <row r="7" spans="2:30" s="290" customFormat="1" x14ac:dyDescent="0.15"/>
    <row r="8" spans="2:30" s="290" customFormat="1" ht="23.25" customHeight="1" x14ac:dyDescent="0.15">
      <c r="B8" s="450" t="s">
        <v>361</v>
      </c>
      <c r="C8" s="450"/>
      <c r="D8" s="450"/>
      <c r="E8" s="450"/>
      <c r="F8" s="394"/>
      <c r="G8" s="451"/>
      <c r="H8" s="452"/>
      <c r="I8" s="452"/>
      <c r="J8" s="452"/>
      <c r="K8" s="452"/>
      <c r="L8" s="452"/>
      <c r="M8" s="452"/>
      <c r="N8" s="452"/>
      <c r="O8" s="452"/>
      <c r="P8" s="452"/>
      <c r="Q8" s="452"/>
      <c r="R8" s="452"/>
      <c r="S8" s="452"/>
      <c r="T8" s="452"/>
      <c r="U8" s="452"/>
      <c r="V8" s="452"/>
      <c r="W8" s="452"/>
      <c r="X8" s="452"/>
      <c r="Y8" s="452"/>
      <c r="Z8" s="452"/>
      <c r="AA8" s="452"/>
      <c r="AB8" s="452"/>
      <c r="AC8" s="452"/>
      <c r="AD8" s="453"/>
    </row>
    <row r="9" spans="2:30" ht="23.25" customHeight="1" x14ac:dyDescent="0.15">
      <c r="B9" s="394" t="s">
        <v>362</v>
      </c>
      <c r="C9" s="395"/>
      <c r="D9" s="395"/>
      <c r="E9" s="395"/>
      <c r="F9" s="395"/>
      <c r="G9" s="107" t="s">
        <v>0</v>
      </c>
      <c r="H9" s="315" t="s">
        <v>87</v>
      </c>
      <c r="I9" s="315"/>
      <c r="J9" s="315"/>
      <c r="K9" s="315"/>
      <c r="L9" s="109" t="s">
        <v>0</v>
      </c>
      <c r="M9" s="315" t="s">
        <v>88</v>
      </c>
      <c r="N9" s="315"/>
      <c r="O9" s="315"/>
      <c r="P9" s="315"/>
      <c r="Q9" s="109" t="s">
        <v>0</v>
      </c>
      <c r="R9" s="315" t="s">
        <v>89</v>
      </c>
      <c r="S9" s="313"/>
      <c r="T9" s="313"/>
      <c r="U9" s="313"/>
      <c r="V9" s="313"/>
      <c r="W9" s="313"/>
      <c r="X9" s="313"/>
      <c r="Y9" s="313"/>
      <c r="Z9" s="313"/>
      <c r="AA9" s="313"/>
      <c r="AB9" s="313"/>
      <c r="AC9" s="313"/>
      <c r="AD9" s="125"/>
    </row>
    <row r="10" spans="2:30" ht="23.25" customHeight="1" x14ac:dyDescent="0.15">
      <c r="B10" s="423" t="s">
        <v>363</v>
      </c>
      <c r="C10" s="424"/>
      <c r="D10" s="424"/>
      <c r="E10" s="424"/>
      <c r="F10" s="425"/>
      <c r="G10" s="109" t="s">
        <v>0</v>
      </c>
      <c r="H10" s="297" t="s">
        <v>994</v>
      </c>
      <c r="I10" s="323"/>
      <c r="J10" s="323"/>
      <c r="K10" s="323"/>
      <c r="L10" s="323"/>
      <c r="M10" s="323"/>
      <c r="N10" s="297"/>
      <c r="O10" s="323"/>
      <c r="P10" s="109" t="s">
        <v>0</v>
      </c>
      <c r="Q10" s="297" t="s">
        <v>995</v>
      </c>
      <c r="R10" s="323"/>
      <c r="S10" s="297"/>
      <c r="T10" s="127"/>
      <c r="U10" s="127"/>
      <c r="V10" s="127"/>
      <c r="W10" s="127"/>
      <c r="X10" s="127"/>
      <c r="Y10" s="127"/>
      <c r="Z10" s="127"/>
      <c r="AA10" s="127"/>
      <c r="AB10" s="127"/>
      <c r="AC10" s="127"/>
      <c r="AD10" s="128"/>
    </row>
    <row r="11" spans="2:30" ht="23.25" customHeight="1" x14ac:dyDescent="0.15">
      <c r="B11" s="426"/>
      <c r="C11" s="427"/>
      <c r="D11" s="427"/>
      <c r="E11" s="427"/>
      <c r="F11" s="428"/>
      <c r="G11" s="110" t="s">
        <v>0</v>
      </c>
      <c r="H11" s="259" t="s">
        <v>996</v>
      </c>
      <c r="I11" s="317"/>
      <c r="J11" s="317"/>
      <c r="K11" s="317"/>
      <c r="L11" s="317"/>
      <c r="M11" s="317"/>
      <c r="N11" s="317"/>
      <c r="O11" s="317"/>
      <c r="P11" s="109" t="s">
        <v>0</v>
      </c>
      <c r="Q11" s="259" t="s">
        <v>997</v>
      </c>
      <c r="R11" s="317"/>
      <c r="S11" s="129"/>
      <c r="T11" s="129"/>
      <c r="U11" s="129"/>
      <c r="V11" s="129"/>
      <c r="W11" s="129"/>
      <c r="X11" s="129"/>
      <c r="Y11" s="129"/>
      <c r="Z11" s="129"/>
      <c r="AA11" s="129"/>
      <c r="AB11" s="129"/>
      <c r="AC11" s="129"/>
      <c r="AD11" s="130"/>
    </row>
    <row r="12" spans="2:30" ht="23.25" customHeight="1" x14ac:dyDescent="0.15">
      <c r="B12" s="423" t="s">
        <v>367</v>
      </c>
      <c r="C12" s="424"/>
      <c r="D12" s="424"/>
      <c r="E12" s="424"/>
      <c r="F12" s="425"/>
      <c r="G12" s="109" t="s">
        <v>0</v>
      </c>
      <c r="H12" s="297" t="s">
        <v>368</v>
      </c>
      <c r="I12" s="323"/>
      <c r="J12" s="323"/>
      <c r="K12" s="323"/>
      <c r="L12" s="323"/>
      <c r="M12" s="323"/>
      <c r="N12" s="323"/>
      <c r="O12" s="323"/>
      <c r="P12" s="323"/>
      <c r="Q12" s="323"/>
      <c r="R12" s="323"/>
      <c r="S12" s="109" t="s">
        <v>0</v>
      </c>
      <c r="T12" s="297" t="s">
        <v>369</v>
      </c>
      <c r="U12" s="127"/>
      <c r="V12" s="127"/>
      <c r="W12" s="127"/>
      <c r="X12" s="127"/>
      <c r="Y12" s="127"/>
      <c r="Z12" s="127"/>
      <c r="AA12" s="127"/>
      <c r="AB12" s="127"/>
      <c r="AC12" s="127"/>
      <c r="AD12" s="128"/>
    </row>
    <row r="13" spans="2:30" ht="23.25" customHeight="1" x14ac:dyDescent="0.15">
      <c r="B13" s="426"/>
      <c r="C13" s="427"/>
      <c r="D13" s="427"/>
      <c r="E13" s="427"/>
      <c r="F13" s="428"/>
      <c r="G13" s="110" t="s">
        <v>0</v>
      </c>
      <c r="H13" s="259" t="s">
        <v>370</v>
      </c>
      <c r="I13" s="317"/>
      <c r="J13" s="317"/>
      <c r="K13" s="317"/>
      <c r="L13" s="317"/>
      <c r="M13" s="317"/>
      <c r="N13" s="317"/>
      <c r="O13" s="317"/>
      <c r="P13" s="317"/>
      <c r="Q13" s="317"/>
      <c r="R13" s="317"/>
      <c r="S13" s="129"/>
      <c r="T13" s="129"/>
      <c r="U13" s="129"/>
      <c r="V13" s="129"/>
      <c r="W13" s="129"/>
      <c r="X13" s="129"/>
      <c r="Y13" s="129"/>
      <c r="Z13" s="129"/>
      <c r="AA13" s="129"/>
      <c r="AB13" s="129"/>
      <c r="AC13" s="129"/>
      <c r="AD13" s="130"/>
    </row>
    <row r="14" spans="2:30" s="290" customFormat="1" x14ac:dyDescent="0.15"/>
    <row r="15" spans="2:30" s="290" customFormat="1" x14ac:dyDescent="0.15">
      <c r="B15" s="290" t="s">
        <v>403</v>
      </c>
    </row>
    <row r="16" spans="2:30" s="290" customFormat="1" x14ac:dyDescent="0.15">
      <c r="B16" s="290" t="s">
        <v>376</v>
      </c>
      <c r="AC16" s="2"/>
      <c r="AD16" s="2"/>
    </row>
    <row r="17" spans="2:30" s="290" customFormat="1" ht="6" customHeight="1" x14ac:dyDescent="0.15"/>
    <row r="18" spans="2:30" s="290" customFormat="1" ht="4.5" customHeight="1" x14ac:dyDescent="0.15">
      <c r="B18" s="441" t="s">
        <v>377</v>
      </c>
      <c r="C18" s="442"/>
      <c r="D18" s="442"/>
      <c r="E18" s="442"/>
      <c r="F18" s="443"/>
      <c r="G18" s="296"/>
      <c r="H18" s="297"/>
      <c r="I18" s="297"/>
      <c r="J18" s="297"/>
      <c r="K18" s="297"/>
      <c r="L18" s="297"/>
      <c r="M18" s="297"/>
      <c r="N18" s="297"/>
      <c r="O18" s="297"/>
      <c r="P18" s="297"/>
      <c r="Q18" s="297"/>
      <c r="R18" s="297"/>
      <c r="S18" s="297"/>
      <c r="T18" s="297"/>
      <c r="U18" s="297"/>
      <c r="V18" s="297"/>
      <c r="W18" s="297"/>
      <c r="X18" s="297"/>
      <c r="Y18" s="297"/>
      <c r="Z18" s="296"/>
      <c r="AA18" s="297"/>
      <c r="AB18" s="297"/>
      <c r="AC18" s="479"/>
      <c r="AD18" s="480"/>
    </row>
    <row r="19" spans="2:30" s="290" customFormat="1" ht="15.75" customHeight="1" x14ac:dyDescent="0.15">
      <c r="B19" s="444"/>
      <c r="C19" s="439"/>
      <c r="D19" s="439"/>
      <c r="E19" s="439"/>
      <c r="F19" s="445"/>
      <c r="G19" s="295"/>
      <c r="H19" s="290" t="s">
        <v>404</v>
      </c>
      <c r="Z19" s="132"/>
      <c r="AA19" s="94" t="s">
        <v>94</v>
      </c>
      <c r="AB19" s="94" t="s">
        <v>95</v>
      </c>
      <c r="AC19" s="94" t="s">
        <v>96</v>
      </c>
      <c r="AD19" s="88"/>
    </row>
    <row r="20" spans="2:30" s="290" customFormat="1" ht="18.75" customHeight="1" x14ac:dyDescent="0.15">
      <c r="B20" s="444"/>
      <c r="C20" s="439"/>
      <c r="D20" s="439"/>
      <c r="E20" s="439"/>
      <c r="F20" s="445"/>
      <c r="G20" s="295"/>
      <c r="I20" s="285" t="s">
        <v>180</v>
      </c>
      <c r="J20" s="476" t="s">
        <v>379</v>
      </c>
      <c r="K20" s="473"/>
      <c r="L20" s="473"/>
      <c r="M20" s="473"/>
      <c r="N20" s="473"/>
      <c r="O20" s="473"/>
      <c r="P20" s="473"/>
      <c r="Q20" s="473"/>
      <c r="R20" s="473"/>
      <c r="S20" s="473"/>
      <c r="T20" s="473"/>
      <c r="U20" s="286"/>
      <c r="V20" s="481"/>
      <c r="W20" s="482"/>
      <c r="X20" s="287" t="s">
        <v>181</v>
      </c>
      <c r="Z20" s="91"/>
      <c r="AA20" s="335"/>
      <c r="AB20" s="272"/>
      <c r="AC20" s="335"/>
      <c r="AD20" s="88"/>
    </row>
    <row r="21" spans="2:30" s="290" customFormat="1" ht="18.75" customHeight="1" x14ac:dyDescent="0.15">
      <c r="B21" s="444"/>
      <c r="C21" s="439"/>
      <c r="D21" s="439"/>
      <c r="E21" s="439"/>
      <c r="F21" s="445"/>
      <c r="G21" s="295"/>
      <c r="I21" s="285" t="s">
        <v>182</v>
      </c>
      <c r="J21" s="310" t="s">
        <v>380</v>
      </c>
      <c r="K21" s="286"/>
      <c r="L21" s="286"/>
      <c r="M21" s="286"/>
      <c r="N21" s="286"/>
      <c r="O21" s="286"/>
      <c r="P21" s="286"/>
      <c r="Q21" s="286"/>
      <c r="R21" s="286"/>
      <c r="S21" s="286"/>
      <c r="T21" s="286"/>
      <c r="U21" s="287"/>
      <c r="V21" s="483"/>
      <c r="W21" s="484"/>
      <c r="X21" s="300" t="s">
        <v>181</v>
      </c>
      <c r="Y21" s="134"/>
      <c r="Z21" s="91"/>
      <c r="AA21" s="109" t="s">
        <v>0</v>
      </c>
      <c r="AB21" s="109" t="s">
        <v>95</v>
      </c>
      <c r="AC21" s="109" t="s">
        <v>0</v>
      </c>
      <c r="AD21" s="88"/>
    </row>
    <row r="22" spans="2:30" s="290" customFormat="1" x14ac:dyDescent="0.15">
      <c r="B22" s="444"/>
      <c r="C22" s="439"/>
      <c r="D22" s="439"/>
      <c r="E22" s="439"/>
      <c r="F22" s="445"/>
      <c r="G22" s="295"/>
      <c r="H22" s="290" t="s">
        <v>381</v>
      </c>
      <c r="Z22" s="295"/>
      <c r="AC22" s="2"/>
      <c r="AD22" s="88"/>
    </row>
    <row r="23" spans="2:30" s="290" customFormat="1" ht="15.75" customHeight="1" x14ac:dyDescent="0.15">
      <c r="B23" s="444"/>
      <c r="C23" s="439"/>
      <c r="D23" s="439"/>
      <c r="E23" s="439"/>
      <c r="F23" s="445"/>
      <c r="G23" s="295"/>
      <c r="H23" s="290" t="s">
        <v>382</v>
      </c>
      <c r="T23" s="134"/>
      <c r="V23" s="134"/>
      <c r="Z23" s="91"/>
      <c r="AA23" s="2"/>
      <c r="AB23" s="2"/>
      <c r="AC23" s="2"/>
      <c r="AD23" s="88"/>
    </row>
    <row r="24" spans="2:30" s="290" customFormat="1" ht="30" customHeight="1" x14ac:dyDescent="0.15">
      <c r="B24" s="444"/>
      <c r="C24" s="439"/>
      <c r="D24" s="439"/>
      <c r="E24" s="439"/>
      <c r="F24" s="445"/>
      <c r="G24" s="295"/>
      <c r="I24" s="285" t="s">
        <v>264</v>
      </c>
      <c r="J24" s="476" t="s">
        <v>383</v>
      </c>
      <c r="K24" s="473"/>
      <c r="L24" s="473"/>
      <c r="M24" s="473"/>
      <c r="N24" s="473"/>
      <c r="O24" s="473"/>
      <c r="P24" s="473"/>
      <c r="Q24" s="473"/>
      <c r="R24" s="473"/>
      <c r="S24" s="473"/>
      <c r="T24" s="473"/>
      <c r="U24" s="485"/>
      <c r="V24" s="481"/>
      <c r="W24" s="482"/>
      <c r="X24" s="287" t="s">
        <v>181</v>
      </c>
      <c r="Y24" s="134"/>
      <c r="Z24" s="91"/>
      <c r="AA24" s="109" t="s">
        <v>0</v>
      </c>
      <c r="AB24" s="109" t="s">
        <v>95</v>
      </c>
      <c r="AC24" s="109" t="s">
        <v>0</v>
      </c>
      <c r="AD24" s="88"/>
    </row>
    <row r="25" spans="2:30" s="290" customFormat="1" ht="6" customHeight="1" x14ac:dyDescent="0.15">
      <c r="B25" s="446"/>
      <c r="C25" s="447"/>
      <c r="D25" s="447"/>
      <c r="E25" s="447"/>
      <c r="F25" s="448"/>
      <c r="G25" s="299"/>
      <c r="H25" s="259"/>
      <c r="I25" s="259"/>
      <c r="J25" s="259"/>
      <c r="K25" s="259"/>
      <c r="L25" s="259"/>
      <c r="M25" s="259"/>
      <c r="N25" s="259"/>
      <c r="O25" s="259"/>
      <c r="P25" s="259"/>
      <c r="Q25" s="259"/>
      <c r="R25" s="259"/>
      <c r="S25" s="259"/>
      <c r="T25" s="135"/>
      <c r="U25" s="135"/>
      <c r="V25" s="259"/>
      <c r="W25" s="259"/>
      <c r="X25" s="259"/>
      <c r="Y25" s="259"/>
      <c r="Z25" s="299"/>
      <c r="AA25" s="259"/>
      <c r="AB25" s="259"/>
      <c r="AC25" s="317"/>
      <c r="AD25" s="325"/>
    </row>
    <row r="26" spans="2:30" s="290" customFormat="1" ht="9.75" customHeight="1" x14ac:dyDescent="0.15">
      <c r="B26" s="289"/>
      <c r="C26" s="289"/>
      <c r="D26" s="289"/>
      <c r="E26" s="289"/>
      <c r="F26" s="289"/>
      <c r="T26" s="134"/>
      <c r="U26" s="134"/>
    </row>
    <row r="27" spans="2:30" s="290" customFormat="1" x14ac:dyDescent="0.15">
      <c r="B27" s="290" t="s">
        <v>384</v>
      </c>
      <c r="C27" s="289"/>
      <c r="D27" s="289"/>
      <c r="E27" s="289"/>
      <c r="F27" s="289"/>
      <c r="T27" s="134"/>
      <c r="U27" s="134"/>
    </row>
    <row r="28" spans="2:30" s="290" customFormat="1" ht="6.75" customHeight="1" x14ac:dyDescent="0.15">
      <c r="B28" s="289"/>
      <c r="C28" s="289"/>
      <c r="D28" s="289"/>
      <c r="E28" s="289"/>
      <c r="F28" s="289"/>
      <c r="T28" s="134"/>
      <c r="U28" s="134"/>
    </row>
    <row r="29" spans="2:30" s="290" customFormat="1" ht="4.5" customHeight="1" x14ac:dyDescent="0.15">
      <c r="B29" s="441" t="s">
        <v>377</v>
      </c>
      <c r="C29" s="442"/>
      <c r="D29" s="442"/>
      <c r="E29" s="442"/>
      <c r="F29" s="443"/>
      <c r="G29" s="296"/>
      <c r="H29" s="297"/>
      <c r="I29" s="297"/>
      <c r="J29" s="297"/>
      <c r="K29" s="297"/>
      <c r="L29" s="297"/>
      <c r="M29" s="297"/>
      <c r="N29" s="297"/>
      <c r="O29" s="297"/>
      <c r="P29" s="297"/>
      <c r="Q29" s="297"/>
      <c r="R29" s="297"/>
      <c r="S29" s="297"/>
      <c r="T29" s="297"/>
      <c r="U29" s="297"/>
      <c r="V29" s="297"/>
      <c r="W29" s="297"/>
      <c r="X29" s="297"/>
      <c r="Y29" s="297"/>
      <c r="Z29" s="296"/>
      <c r="AA29" s="297"/>
      <c r="AB29" s="297"/>
      <c r="AC29" s="323"/>
      <c r="AD29" s="324"/>
    </row>
    <row r="30" spans="2:30" s="290" customFormat="1" ht="15.75" customHeight="1" x14ac:dyDescent="0.15">
      <c r="B30" s="444"/>
      <c r="C30" s="439"/>
      <c r="D30" s="439"/>
      <c r="E30" s="439"/>
      <c r="F30" s="445"/>
      <c r="G30" s="295"/>
      <c r="H30" s="290" t="s">
        <v>405</v>
      </c>
      <c r="Z30" s="295"/>
      <c r="AA30" s="94" t="s">
        <v>94</v>
      </c>
      <c r="AB30" s="94" t="s">
        <v>95</v>
      </c>
      <c r="AC30" s="94" t="s">
        <v>96</v>
      </c>
      <c r="AD30" s="131"/>
    </row>
    <row r="31" spans="2:30" s="290" customFormat="1" ht="18.75" customHeight="1" x14ac:dyDescent="0.15">
      <c r="B31" s="444"/>
      <c r="C31" s="439"/>
      <c r="D31" s="439"/>
      <c r="E31" s="439"/>
      <c r="F31" s="445"/>
      <c r="G31" s="295"/>
      <c r="I31" s="285" t="s">
        <v>180</v>
      </c>
      <c r="J31" s="476" t="s">
        <v>379</v>
      </c>
      <c r="K31" s="473"/>
      <c r="L31" s="473"/>
      <c r="M31" s="473"/>
      <c r="N31" s="473"/>
      <c r="O31" s="473"/>
      <c r="P31" s="473"/>
      <c r="Q31" s="473"/>
      <c r="R31" s="473"/>
      <c r="S31" s="473"/>
      <c r="T31" s="473"/>
      <c r="U31" s="287"/>
      <c r="V31" s="481"/>
      <c r="W31" s="482"/>
      <c r="X31" s="287" t="s">
        <v>181</v>
      </c>
      <c r="Z31" s="295"/>
      <c r="AA31" s="335"/>
      <c r="AB31" s="272"/>
      <c r="AC31" s="335"/>
      <c r="AD31" s="88"/>
    </row>
    <row r="32" spans="2:30" s="290" customFormat="1" ht="18.75" customHeight="1" x14ac:dyDescent="0.15">
      <c r="B32" s="444"/>
      <c r="C32" s="439"/>
      <c r="D32" s="439"/>
      <c r="E32" s="439"/>
      <c r="F32" s="445"/>
      <c r="G32" s="295"/>
      <c r="I32" s="318" t="s">
        <v>182</v>
      </c>
      <c r="J32" s="143" t="s">
        <v>380</v>
      </c>
      <c r="K32" s="259"/>
      <c r="L32" s="259"/>
      <c r="M32" s="259"/>
      <c r="N32" s="259"/>
      <c r="O32" s="259"/>
      <c r="P32" s="259"/>
      <c r="Q32" s="259"/>
      <c r="R32" s="259"/>
      <c r="S32" s="259"/>
      <c r="T32" s="259"/>
      <c r="U32" s="300"/>
      <c r="V32" s="483"/>
      <c r="W32" s="484"/>
      <c r="X32" s="300" t="s">
        <v>181</v>
      </c>
      <c r="Y32" s="134"/>
      <c r="Z32" s="91"/>
      <c r="AA32" s="109" t="s">
        <v>0</v>
      </c>
      <c r="AB32" s="109" t="s">
        <v>95</v>
      </c>
      <c r="AC32" s="109" t="s">
        <v>0</v>
      </c>
      <c r="AD32" s="88"/>
    </row>
    <row r="33" spans="2:30" s="290" customFormat="1" ht="6" customHeight="1" x14ac:dyDescent="0.15">
      <c r="B33" s="446"/>
      <c r="C33" s="447"/>
      <c r="D33" s="447"/>
      <c r="E33" s="447"/>
      <c r="F33" s="448"/>
      <c r="G33" s="299"/>
      <c r="H33" s="259"/>
      <c r="I33" s="259"/>
      <c r="J33" s="259"/>
      <c r="K33" s="259"/>
      <c r="L33" s="259"/>
      <c r="M33" s="259"/>
      <c r="N33" s="259"/>
      <c r="O33" s="259"/>
      <c r="P33" s="259"/>
      <c r="Q33" s="259"/>
      <c r="R33" s="259"/>
      <c r="S33" s="259"/>
      <c r="T33" s="135"/>
      <c r="U33" s="135"/>
      <c r="V33" s="259"/>
      <c r="W33" s="259"/>
      <c r="X33" s="259"/>
      <c r="Y33" s="259"/>
      <c r="Z33" s="299"/>
      <c r="AA33" s="259"/>
      <c r="AB33" s="259"/>
      <c r="AC33" s="317"/>
      <c r="AD33" s="325"/>
    </row>
    <row r="34" spans="2:30" s="290" customFormat="1" ht="9.75" customHeight="1" x14ac:dyDescent="0.15">
      <c r="B34" s="289"/>
      <c r="C34" s="289"/>
      <c r="D34" s="289"/>
      <c r="E34" s="289"/>
      <c r="F34" s="289"/>
      <c r="T34" s="134"/>
      <c r="U34" s="134"/>
    </row>
    <row r="35" spans="2:30" s="290" customFormat="1" ht="13.5" customHeight="1" x14ac:dyDescent="0.15">
      <c r="B35" s="290" t="s">
        <v>406</v>
      </c>
      <c r="C35" s="289"/>
      <c r="D35" s="289"/>
      <c r="E35" s="289"/>
      <c r="F35" s="289"/>
      <c r="T35" s="134"/>
      <c r="U35" s="134"/>
    </row>
    <row r="36" spans="2:30" s="290" customFormat="1" ht="6.75" customHeight="1" x14ac:dyDescent="0.15">
      <c r="B36" s="289"/>
      <c r="C36" s="289"/>
      <c r="D36" s="289"/>
      <c r="E36" s="289"/>
      <c r="F36" s="289"/>
      <c r="T36" s="134"/>
      <c r="U36" s="134"/>
    </row>
    <row r="37" spans="2:30" s="290" customFormat="1" ht="4.5" customHeight="1" x14ac:dyDescent="0.15">
      <c r="B37" s="441" t="s">
        <v>377</v>
      </c>
      <c r="C37" s="442"/>
      <c r="D37" s="442"/>
      <c r="E37" s="442"/>
      <c r="F37" s="443"/>
      <c r="G37" s="296"/>
      <c r="H37" s="297"/>
      <c r="I37" s="297"/>
      <c r="J37" s="297"/>
      <c r="K37" s="297"/>
      <c r="L37" s="297"/>
      <c r="M37" s="297"/>
      <c r="N37" s="297"/>
      <c r="O37" s="297"/>
      <c r="P37" s="297"/>
      <c r="Q37" s="297"/>
      <c r="R37" s="297"/>
      <c r="S37" s="297"/>
      <c r="T37" s="297"/>
      <c r="U37" s="297"/>
      <c r="V37" s="297"/>
      <c r="W37" s="297"/>
      <c r="X37" s="297"/>
      <c r="Y37" s="297"/>
      <c r="Z37" s="296"/>
      <c r="AA37" s="297"/>
      <c r="AB37" s="297"/>
      <c r="AC37" s="323"/>
      <c r="AD37" s="324"/>
    </row>
    <row r="38" spans="2:30" s="290" customFormat="1" ht="15.75" customHeight="1" x14ac:dyDescent="0.15">
      <c r="B38" s="446"/>
      <c r="C38" s="447"/>
      <c r="D38" s="447"/>
      <c r="E38" s="447"/>
      <c r="F38" s="448"/>
      <c r="G38" s="295"/>
      <c r="H38" s="290" t="s">
        <v>385</v>
      </c>
      <c r="I38" s="259"/>
      <c r="J38" s="259"/>
      <c r="K38" s="259"/>
      <c r="L38" s="259"/>
      <c r="M38" s="259"/>
      <c r="N38" s="259"/>
      <c r="O38" s="259"/>
      <c r="P38" s="259"/>
      <c r="Q38" s="259"/>
      <c r="R38" s="259"/>
      <c r="S38" s="259"/>
      <c r="T38" s="259"/>
      <c r="U38" s="259"/>
      <c r="V38" s="259"/>
      <c r="W38" s="259"/>
      <c r="X38" s="259"/>
      <c r="Z38" s="295"/>
      <c r="AA38" s="94" t="s">
        <v>94</v>
      </c>
      <c r="AB38" s="94" t="s">
        <v>95</v>
      </c>
      <c r="AC38" s="94" t="s">
        <v>96</v>
      </c>
      <c r="AD38" s="131"/>
    </row>
    <row r="39" spans="2:30" s="290" customFormat="1" ht="18.75" customHeight="1" x14ac:dyDescent="0.15">
      <c r="B39" s="444"/>
      <c r="C39" s="442"/>
      <c r="D39" s="439"/>
      <c r="E39" s="439"/>
      <c r="F39" s="445"/>
      <c r="G39" s="295"/>
      <c r="I39" s="318" t="s">
        <v>180</v>
      </c>
      <c r="J39" s="486" t="s">
        <v>379</v>
      </c>
      <c r="K39" s="487"/>
      <c r="L39" s="487"/>
      <c r="M39" s="487"/>
      <c r="N39" s="487"/>
      <c r="O39" s="487"/>
      <c r="P39" s="487"/>
      <c r="Q39" s="487"/>
      <c r="R39" s="487"/>
      <c r="S39" s="487"/>
      <c r="T39" s="487"/>
      <c r="U39" s="300"/>
      <c r="V39" s="488"/>
      <c r="W39" s="483"/>
      <c r="X39" s="300" t="s">
        <v>181</v>
      </c>
      <c r="Z39" s="295"/>
      <c r="AA39" s="335"/>
      <c r="AB39" s="272"/>
      <c r="AC39" s="335"/>
      <c r="AD39" s="88"/>
    </row>
    <row r="40" spans="2:30" s="290" customFormat="1" ht="18.75" customHeight="1" x14ac:dyDescent="0.15">
      <c r="B40" s="444"/>
      <c r="C40" s="439"/>
      <c r="D40" s="439"/>
      <c r="E40" s="439"/>
      <c r="F40" s="445"/>
      <c r="G40" s="295"/>
      <c r="I40" s="318" t="s">
        <v>182</v>
      </c>
      <c r="J40" s="143" t="s">
        <v>380</v>
      </c>
      <c r="K40" s="259"/>
      <c r="L40" s="259"/>
      <c r="M40" s="259"/>
      <c r="N40" s="259"/>
      <c r="O40" s="259"/>
      <c r="P40" s="259"/>
      <c r="Q40" s="259"/>
      <c r="R40" s="259"/>
      <c r="S40" s="259"/>
      <c r="T40" s="259"/>
      <c r="U40" s="300"/>
      <c r="V40" s="489"/>
      <c r="W40" s="481"/>
      <c r="X40" s="300" t="s">
        <v>181</v>
      </c>
      <c r="Y40" s="134"/>
      <c r="Z40" s="91"/>
      <c r="AA40" s="109" t="s">
        <v>0</v>
      </c>
      <c r="AB40" s="109" t="s">
        <v>95</v>
      </c>
      <c r="AC40" s="109" t="s">
        <v>0</v>
      </c>
      <c r="AD40" s="88"/>
    </row>
    <row r="41" spans="2:30" s="290" customFormat="1" ht="6" customHeight="1" x14ac:dyDescent="0.15">
      <c r="B41" s="446"/>
      <c r="C41" s="447"/>
      <c r="D41" s="447"/>
      <c r="E41" s="447"/>
      <c r="F41" s="448"/>
      <c r="G41" s="299"/>
      <c r="H41" s="259"/>
      <c r="I41" s="259"/>
      <c r="J41" s="259"/>
      <c r="K41" s="259"/>
      <c r="L41" s="259"/>
      <c r="M41" s="259"/>
      <c r="N41" s="259"/>
      <c r="O41" s="259"/>
      <c r="P41" s="259"/>
      <c r="Q41" s="259"/>
      <c r="R41" s="259"/>
      <c r="S41" s="259"/>
      <c r="T41" s="135"/>
      <c r="U41" s="135"/>
      <c r="V41" s="259"/>
      <c r="W41" s="259"/>
      <c r="X41" s="259"/>
      <c r="Y41" s="259"/>
      <c r="Z41" s="299"/>
      <c r="AA41" s="259"/>
      <c r="AB41" s="259"/>
      <c r="AC41" s="317"/>
      <c r="AD41" s="325"/>
    </row>
    <row r="42" spans="2:30" s="290" customFormat="1" ht="4.5" customHeight="1" x14ac:dyDescent="0.15">
      <c r="B42" s="441" t="s">
        <v>395</v>
      </c>
      <c r="C42" s="442"/>
      <c r="D42" s="442"/>
      <c r="E42" s="442"/>
      <c r="F42" s="443"/>
      <c r="G42" s="296"/>
      <c r="H42" s="297"/>
      <c r="I42" s="297"/>
      <c r="J42" s="297"/>
      <c r="K42" s="297"/>
      <c r="L42" s="297"/>
      <c r="M42" s="297"/>
      <c r="N42" s="297"/>
      <c r="O42" s="297"/>
      <c r="P42" s="297"/>
      <c r="Q42" s="297"/>
      <c r="R42" s="297"/>
      <c r="S42" s="297"/>
      <c r="T42" s="297"/>
      <c r="U42" s="297"/>
      <c r="V42" s="297"/>
      <c r="W42" s="297"/>
      <c r="X42" s="297"/>
      <c r="Y42" s="297"/>
      <c r="Z42" s="296"/>
      <c r="AA42" s="297"/>
      <c r="AB42" s="297"/>
      <c r="AC42" s="323"/>
      <c r="AD42" s="324"/>
    </row>
    <row r="43" spans="2:30" s="290" customFormat="1" ht="15.75" customHeight="1" x14ac:dyDescent="0.15">
      <c r="B43" s="444"/>
      <c r="C43" s="439"/>
      <c r="D43" s="439"/>
      <c r="E43" s="439"/>
      <c r="F43" s="445"/>
      <c r="G43" s="295"/>
      <c r="H43" s="290" t="s">
        <v>390</v>
      </c>
      <c r="Z43" s="295"/>
      <c r="AA43" s="94" t="s">
        <v>94</v>
      </c>
      <c r="AB43" s="94" t="s">
        <v>95</v>
      </c>
      <c r="AC43" s="94" t="s">
        <v>96</v>
      </c>
      <c r="AD43" s="131"/>
    </row>
    <row r="44" spans="2:30" s="290" customFormat="1" ht="30" customHeight="1" x14ac:dyDescent="0.15">
      <c r="B44" s="444"/>
      <c r="C44" s="439"/>
      <c r="D44" s="439"/>
      <c r="E44" s="439"/>
      <c r="F44" s="445"/>
      <c r="G44" s="295"/>
      <c r="I44" s="285" t="s">
        <v>180</v>
      </c>
      <c r="J44" s="474" t="s">
        <v>407</v>
      </c>
      <c r="K44" s="475"/>
      <c r="L44" s="475"/>
      <c r="M44" s="475"/>
      <c r="N44" s="475"/>
      <c r="O44" s="475"/>
      <c r="P44" s="475"/>
      <c r="Q44" s="475"/>
      <c r="R44" s="475"/>
      <c r="S44" s="475"/>
      <c r="T44" s="475"/>
      <c r="U44" s="491"/>
      <c r="V44" s="489"/>
      <c r="W44" s="481"/>
      <c r="X44" s="287" t="s">
        <v>181</v>
      </c>
      <c r="Z44" s="295"/>
      <c r="AA44" s="335"/>
      <c r="AB44" s="272"/>
      <c r="AC44" s="335"/>
      <c r="AD44" s="88"/>
    </row>
    <row r="45" spans="2:30" s="290" customFormat="1" ht="33" customHeight="1" x14ac:dyDescent="0.15">
      <c r="B45" s="444"/>
      <c r="C45" s="439"/>
      <c r="D45" s="439"/>
      <c r="E45" s="439"/>
      <c r="F45" s="445"/>
      <c r="G45" s="295"/>
      <c r="I45" s="285" t="s">
        <v>182</v>
      </c>
      <c r="J45" s="474" t="s">
        <v>408</v>
      </c>
      <c r="K45" s="475"/>
      <c r="L45" s="475"/>
      <c r="M45" s="475"/>
      <c r="N45" s="475"/>
      <c r="O45" s="475"/>
      <c r="P45" s="475"/>
      <c r="Q45" s="475"/>
      <c r="R45" s="475"/>
      <c r="S45" s="475"/>
      <c r="T45" s="475"/>
      <c r="U45" s="491"/>
      <c r="V45" s="489"/>
      <c r="W45" s="481"/>
      <c r="X45" s="300" t="s">
        <v>181</v>
      </c>
      <c r="Y45" s="134"/>
      <c r="Z45" s="91"/>
      <c r="AA45" s="109" t="s">
        <v>0</v>
      </c>
      <c r="AB45" s="109" t="s">
        <v>95</v>
      </c>
      <c r="AC45" s="109" t="s">
        <v>0</v>
      </c>
      <c r="AD45" s="88"/>
    </row>
    <row r="46" spans="2:30" s="290" customFormat="1" ht="6" customHeight="1" x14ac:dyDescent="0.15">
      <c r="B46" s="446"/>
      <c r="C46" s="447"/>
      <c r="D46" s="447"/>
      <c r="E46" s="447"/>
      <c r="F46" s="448"/>
      <c r="G46" s="299"/>
      <c r="H46" s="259"/>
      <c r="I46" s="259"/>
      <c r="J46" s="259"/>
      <c r="K46" s="259"/>
      <c r="L46" s="259"/>
      <c r="M46" s="259"/>
      <c r="N46" s="259"/>
      <c r="O46" s="259"/>
      <c r="P46" s="259"/>
      <c r="Q46" s="259"/>
      <c r="R46" s="259"/>
      <c r="S46" s="259"/>
      <c r="T46" s="135"/>
      <c r="U46" s="135"/>
      <c r="V46" s="259"/>
      <c r="W46" s="259"/>
      <c r="X46" s="259"/>
      <c r="Y46" s="259"/>
      <c r="Z46" s="299"/>
      <c r="AA46" s="259"/>
      <c r="AB46" s="259"/>
      <c r="AC46" s="317"/>
      <c r="AD46" s="325"/>
    </row>
    <row r="47" spans="2:30" s="290" customFormat="1" ht="6" customHeight="1" x14ac:dyDescent="0.15">
      <c r="B47" s="289"/>
      <c r="C47" s="289"/>
      <c r="D47" s="289"/>
      <c r="E47" s="289"/>
      <c r="F47" s="289"/>
      <c r="T47" s="134"/>
      <c r="U47" s="134"/>
    </row>
    <row r="48" spans="2:30" s="290" customFormat="1" ht="13.5" customHeight="1" x14ac:dyDescent="0.15">
      <c r="B48" s="490" t="s">
        <v>409</v>
      </c>
      <c r="C48" s="477"/>
      <c r="D48" s="139" t="s">
        <v>291</v>
      </c>
      <c r="E48" s="139"/>
      <c r="F48" s="139"/>
      <c r="G48" s="139"/>
      <c r="H48" s="139"/>
      <c r="I48" s="139"/>
      <c r="J48" s="139"/>
      <c r="K48" s="139"/>
      <c r="L48" s="139"/>
      <c r="M48" s="139"/>
      <c r="N48" s="139"/>
      <c r="O48" s="139"/>
      <c r="P48" s="139"/>
      <c r="Q48" s="139"/>
      <c r="R48" s="139"/>
      <c r="S48" s="139"/>
      <c r="T48" s="139"/>
      <c r="U48" s="139"/>
      <c r="V48" s="139"/>
      <c r="W48" s="139"/>
      <c r="X48" s="139"/>
      <c r="Y48" s="139"/>
      <c r="Z48" s="139"/>
      <c r="AA48" s="139"/>
      <c r="AB48" s="139"/>
      <c r="AC48" s="139"/>
      <c r="AD48" s="139"/>
    </row>
    <row r="49" spans="2:30" s="290" customFormat="1" ht="29.25" customHeight="1" x14ac:dyDescent="0.15">
      <c r="B49" s="490"/>
      <c r="C49" s="477"/>
      <c r="D49" s="478"/>
      <c r="E49" s="478"/>
      <c r="F49" s="478"/>
      <c r="G49" s="478"/>
      <c r="H49" s="478"/>
      <c r="I49" s="478"/>
      <c r="J49" s="478"/>
      <c r="K49" s="478"/>
      <c r="L49" s="478"/>
      <c r="M49" s="478"/>
      <c r="N49" s="478"/>
      <c r="O49" s="478"/>
      <c r="P49" s="478"/>
      <c r="Q49" s="478"/>
      <c r="R49" s="478"/>
      <c r="S49" s="478"/>
      <c r="T49" s="478"/>
      <c r="U49" s="478"/>
      <c r="V49" s="478"/>
      <c r="W49" s="478"/>
      <c r="X49" s="478"/>
      <c r="Y49" s="478"/>
      <c r="Z49" s="478"/>
      <c r="AA49" s="478"/>
      <c r="AB49" s="478"/>
      <c r="AC49" s="478"/>
      <c r="AD49" s="478"/>
    </row>
    <row r="122" spans="3:7" x14ac:dyDescent="0.15">
      <c r="C122" s="59"/>
      <c r="D122" s="59"/>
      <c r="E122" s="59"/>
      <c r="F122" s="59"/>
      <c r="G122" s="59"/>
    </row>
    <row r="123" spans="3:7" x14ac:dyDescent="0.15">
      <c r="C123" s="57"/>
    </row>
  </sheetData>
  <mergeCells count="33">
    <mergeCell ref="B49:C49"/>
    <mergeCell ref="D49:AD49"/>
    <mergeCell ref="B42:F46"/>
    <mergeCell ref="J44:U44"/>
    <mergeCell ref="V44:W44"/>
    <mergeCell ref="J45:U45"/>
    <mergeCell ref="V45:W45"/>
    <mergeCell ref="B48:C48"/>
    <mergeCell ref="B29:F33"/>
    <mergeCell ref="J31:T31"/>
    <mergeCell ref="V31:W31"/>
    <mergeCell ref="V32:W32"/>
    <mergeCell ref="B37:F41"/>
    <mergeCell ref="J39:T39"/>
    <mergeCell ref="V39:W39"/>
    <mergeCell ref="V40:W40"/>
    <mergeCell ref="B9:F9"/>
    <mergeCell ref="B10:F11"/>
    <mergeCell ref="B12:F13"/>
    <mergeCell ref="B18:F25"/>
    <mergeCell ref="AC18:AD18"/>
    <mergeCell ref="J20:T20"/>
    <mergeCell ref="V20:W20"/>
    <mergeCell ref="V21:W21"/>
    <mergeCell ref="J24:U24"/>
    <mergeCell ref="V24:W24"/>
    <mergeCell ref="B8:F8"/>
    <mergeCell ref="G8:AD8"/>
    <mergeCell ref="V3:W3"/>
    <mergeCell ref="Y3:Z3"/>
    <mergeCell ref="AB3:AC3"/>
    <mergeCell ref="B5:AD5"/>
    <mergeCell ref="B6:AD6"/>
  </mergeCells>
  <phoneticPr fontId="1"/>
  <dataValidations count="1">
    <dataValidation type="list" allowBlank="1" showInputMessage="1" showErrorMessage="1" sqref="G9:G13 L9 Q9 P10:P11 S12 AA21 AC21 AA24 AC24 AA32 AC32 AA40 AC40 AA45 AC45">
      <formula1>"□,■"</formula1>
    </dataValidation>
  </dataValidations>
  <pageMargins left="0.7" right="0.7" top="0.75" bottom="0.75" header="0.3" footer="0.3"/>
  <pageSetup paperSize="9" scale="96"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E123"/>
  <sheetViews>
    <sheetView zoomScaleNormal="100" zoomScaleSheetLayoutView="40" workbookViewId="0">
      <selection activeCell="F61" sqref="F61"/>
    </sheetView>
  </sheetViews>
  <sheetFormatPr defaultColWidth="3.5" defaultRowHeight="13.5" x14ac:dyDescent="0.15"/>
  <cols>
    <col min="1" max="1" width="1.25" style="3" customWidth="1"/>
    <col min="2" max="2" width="3.125" style="302" customWidth="1"/>
    <col min="3" max="31" width="3.125" style="3" customWidth="1"/>
    <col min="32" max="32" width="1.25" style="3" customWidth="1"/>
    <col min="33" max="16384" width="3.5" style="3"/>
  </cols>
  <sheetData>
    <row r="1" spans="2:31" s="290" customFormat="1" x14ac:dyDescent="0.15"/>
    <row r="2" spans="2:31" s="290" customFormat="1" x14ac:dyDescent="0.15">
      <c r="B2" s="290" t="s">
        <v>1033</v>
      </c>
    </row>
    <row r="3" spans="2:31" s="290" customFormat="1" x14ac:dyDescent="0.15">
      <c r="V3" s="283" t="s">
        <v>9</v>
      </c>
      <c r="W3" s="392"/>
      <c r="X3" s="392"/>
      <c r="Y3" s="283" t="s">
        <v>10</v>
      </c>
      <c r="Z3" s="392"/>
      <c r="AA3" s="392"/>
      <c r="AB3" s="283" t="s">
        <v>11</v>
      </c>
      <c r="AC3" s="392"/>
      <c r="AD3" s="392"/>
      <c r="AE3" s="283" t="s">
        <v>81</v>
      </c>
    </row>
    <row r="4" spans="2:31" s="290" customFormat="1" x14ac:dyDescent="0.15">
      <c r="AE4" s="283"/>
    </row>
    <row r="5" spans="2:31" s="290" customFormat="1" x14ac:dyDescent="0.15">
      <c r="B5" s="392" t="s">
        <v>359</v>
      </c>
      <c r="C5" s="392"/>
      <c r="D5" s="392"/>
      <c r="E5" s="392"/>
      <c r="F5" s="392"/>
      <c r="G5" s="392"/>
      <c r="H5" s="392"/>
      <c r="I5" s="392"/>
      <c r="J5" s="392"/>
      <c r="K5" s="392"/>
      <c r="L5" s="392"/>
      <c r="M5" s="392"/>
      <c r="N5" s="392"/>
      <c r="O5" s="392"/>
      <c r="P5" s="392"/>
      <c r="Q5" s="392"/>
      <c r="R5" s="392"/>
      <c r="S5" s="392"/>
      <c r="T5" s="392"/>
      <c r="U5" s="392"/>
      <c r="V5" s="392"/>
      <c r="W5" s="392"/>
      <c r="X5" s="392"/>
      <c r="Y5" s="392"/>
      <c r="Z5" s="392"/>
      <c r="AA5" s="392"/>
      <c r="AB5" s="392"/>
      <c r="AC5" s="392"/>
      <c r="AD5" s="392"/>
      <c r="AE5" s="392"/>
    </row>
    <row r="6" spans="2:31" s="290" customFormat="1" ht="26.25" customHeight="1" x14ac:dyDescent="0.15">
      <c r="B6" s="439" t="s">
        <v>1034</v>
      </c>
      <c r="C6" s="439"/>
      <c r="D6" s="439"/>
      <c r="E6" s="439"/>
      <c r="F6" s="439"/>
      <c r="G6" s="439"/>
      <c r="H6" s="439"/>
      <c r="I6" s="439"/>
      <c r="J6" s="439"/>
      <c r="K6" s="439"/>
      <c r="L6" s="439"/>
      <c r="M6" s="439"/>
      <c r="N6" s="439"/>
      <c r="O6" s="439"/>
      <c r="P6" s="439"/>
      <c r="Q6" s="439"/>
      <c r="R6" s="439"/>
      <c r="S6" s="439"/>
      <c r="T6" s="439"/>
      <c r="U6" s="439"/>
      <c r="V6" s="439"/>
      <c r="W6" s="439"/>
      <c r="X6" s="439"/>
      <c r="Y6" s="439"/>
      <c r="Z6" s="439"/>
      <c r="AA6" s="439"/>
      <c r="AB6" s="439"/>
      <c r="AC6" s="439"/>
      <c r="AD6" s="439"/>
      <c r="AE6" s="439"/>
    </row>
    <row r="7" spans="2:31" s="290" customFormat="1" x14ac:dyDescent="0.15"/>
    <row r="8" spans="2:31" s="290" customFormat="1" ht="23.25" customHeight="1" x14ac:dyDescent="0.15">
      <c r="B8" s="450" t="s">
        <v>361</v>
      </c>
      <c r="C8" s="450"/>
      <c r="D8" s="450"/>
      <c r="E8" s="450"/>
      <c r="F8" s="394"/>
      <c r="G8" s="451"/>
      <c r="H8" s="452"/>
      <c r="I8" s="452"/>
      <c r="J8" s="452"/>
      <c r="K8" s="452"/>
      <c r="L8" s="452"/>
      <c r="M8" s="452"/>
      <c r="N8" s="452"/>
      <c r="O8" s="452"/>
      <c r="P8" s="452"/>
      <c r="Q8" s="452"/>
      <c r="R8" s="452"/>
      <c r="S8" s="452"/>
      <c r="T8" s="452"/>
      <c r="U8" s="452"/>
      <c r="V8" s="452"/>
      <c r="W8" s="452"/>
      <c r="X8" s="452"/>
      <c r="Y8" s="452"/>
      <c r="Z8" s="452"/>
      <c r="AA8" s="452"/>
      <c r="AB8" s="452"/>
      <c r="AC8" s="452"/>
      <c r="AD8" s="452"/>
      <c r="AE8" s="453"/>
    </row>
    <row r="9" spans="2:31" ht="23.25" customHeight="1" x14ac:dyDescent="0.15">
      <c r="B9" s="394" t="s">
        <v>362</v>
      </c>
      <c r="C9" s="395"/>
      <c r="D9" s="395"/>
      <c r="E9" s="395"/>
      <c r="F9" s="396"/>
      <c r="G9" s="107" t="s">
        <v>0</v>
      </c>
      <c r="H9" s="315" t="s">
        <v>87</v>
      </c>
      <c r="I9" s="315"/>
      <c r="J9" s="315"/>
      <c r="K9" s="315"/>
      <c r="L9" s="108" t="s">
        <v>0</v>
      </c>
      <c r="M9" s="315" t="s">
        <v>88</v>
      </c>
      <c r="N9" s="315"/>
      <c r="O9" s="315"/>
      <c r="P9" s="315"/>
      <c r="Q9" s="108" t="s">
        <v>0</v>
      </c>
      <c r="R9" s="315" t="s">
        <v>89</v>
      </c>
      <c r="S9" s="313"/>
      <c r="T9" s="313"/>
      <c r="U9" s="313"/>
      <c r="V9" s="313"/>
      <c r="W9" s="313"/>
      <c r="X9" s="313"/>
      <c r="Y9" s="313"/>
      <c r="Z9" s="313"/>
      <c r="AA9" s="313"/>
      <c r="AB9" s="313"/>
      <c r="AC9" s="313"/>
      <c r="AD9" s="313"/>
      <c r="AE9" s="125"/>
    </row>
    <row r="10" spans="2:31" ht="23.25" customHeight="1" x14ac:dyDescent="0.15">
      <c r="B10" s="423" t="s">
        <v>363</v>
      </c>
      <c r="C10" s="424"/>
      <c r="D10" s="424"/>
      <c r="E10" s="424"/>
      <c r="F10" s="425"/>
      <c r="G10" s="109" t="s">
        <v>0</v>
      </c>
      <c r="H10" s="290" t="s">
        <v>999</v>
      </c>
      <c r="I10" s="2"/>
      <c r="J10" s="2"/>
      <c r="K10" s="2"/>
      <c r="L10" s="2"/>
      <c r="M10" s="2"/>
      <c r="N10" s="2"/>
      <c r="O10" s="2"/>
      <c r="P10" s="2"/>
      <c r="Q10" s="2"/>
      <c r="R10" s="109" t="s">
        <v>0</v>
      </c>
      <c r="S10" s="141" t="s">
        <v>1000</v>
      </c>
      <c r="T10" s="141"/>
      <c r="U10" s="141"/>
      <c r="V10" s="109" t="s">
        <v>0</v>
      </c>
      <c r="W10" s="141" t="s">
        <v>1001</v>
      </c>
      <c r="X10" s="141"/>
      <c r="Y10" s="141"/>
      <c r="Z10" s="109" t="s">
        <v>0</v>
      </c>
      <c r="AA10" s="141" t="s">
        <v>1002</v>
      </c>
      <c r="AB10" s="141"/>
      <c r="AC10" s="141"/>
      <c r="AD10" s="141"/>
      <c r="AE10" s="142"/>
    </row>
    <row r="11" spans="2:31" ht="23.25" customHeight="1" x14ac:dyDescent="0.15">
      <c r="B11" s="492"/>
      <c r="C11" s="493"/>
      <c r="D11" s="493"/>
      <c r="E11" s="493"/>
      <c r="F11" s="494"/>
      <c r="G11" s="109" t="s">
        <v>0</v>
      </c>
      <c r="H11" s="290" t="s">
        <v>1003</v>
      </c>
      <c r="I11" s="2"/>
      <c r="J11" s="2"/>
      <c r="K11" s="2"/>
      <c r="L11" s="2"/>
      <c r="M11" s="2"/>
      <c r="N11" s="2"/>
      <c r="O11" s="2"/>
      <c r="P11" s="2"/>
      <c r="Q11" s="2"/>
      <c r="R11" s="109" t="s">
        <v>0</v>
      </c>
      <c r="S11" s="290" t="s">
        <v>1004</v>
      </c>
      <c r="T11" s="141"/>
      <c r="U11" s="141"/>
      <c r="V11" s="141"/>
      <c r="W11" s="141"/>
      <c r="X11" s="141"/>
      <c r="Y11" s="141"/>
      <c r="Z11" s="141"/>
      <c r="AA11" s="141"/>
      <c r="AB11" s="141"/>
      <c r="AC11" s="141"/>
      <c r="AD11" s="141"/>
      <c r="AE11" s="142"/>
    </row>
    <row r="12" spans="2:31" ht="23.25" customHeight="1" x14ac:dyDescent="0.15">
      <c r="B12" s="492"/>
      <c r="C12" s="493"/>
      <c r="D12" s="493"/>
      <c r="E12" s="493"/>
      <c r="F12" s="494"/>
      <c r="G12" s="109" t="s">
        <v>0</v>
      </c>
      <c r="H12" s="290" t="s">
        <v>1005</v>
      </c>
      <c r="I12" s="2"/>
      <c r="J12" s="2"/>
      <c r="K12" s="2"/>
      <c r="L12" s="2"/>
      <c r="M12" s="2"/>
      <c r="N12" s="2"/>
      <c r="O12" s="2"/>
      <c r="P12" s="2"/>
      <c r="Q12" s="2"/>
      <c r="R12" s="109" t="s">
        <v>0</v>
      </c>
      <c r="S12" s="290" t="s">
        <v>1006</v>
      </c>
      <c r="T12" s="141"/>
      <c r="U12" s="141"/>
      <c r="V12" s="141"/>
      <c r="W12" s="141"/>
      <c r="X12" s="141"/>
      <c r="Y12" s="141"/>
      <c r="Z12" s="141"/>
      <c r="AA12" s="141"/>
      <c r="AB12" s="141"/>
      <c r="AC12" s="141"/>
      <c r="AD12" s="141"/>
      <c r="AE12" s="142"/>
    </row>
    <row r="13" spans="2:31" ht="23.25" customHeight="1" x14ac:dyDescent="0.15">
      <c r="B13" s="426"/>
      <c r="C13" s="427"/>
      <c r="D13" s="427"/>
      <c r="E13" s="427"/>
      <c r="F13" s="428"/>
      <c r="G13" s="109" t="s">
        <v>0</v>
      </c>
      <c r="H13" s="290" t="s">
        <v>1035</v>
      </c>
      <c r="I13" s="141"/>
      <c r="J13" s="141"/>
      <c r="K13" s="141"/>
      <c r="L13" s="141"/>
      <c r="M13" s="2"/>
      <c r="N13" s="2"/>
      <c r="O13" s="2"/>
      <c r="P13" s="2"/>
      <c r="Q13" s="2"/>
      <c r="X13" s="141"/>
      <c r="Y13" s="141"/>
      <c r="Z13" s="141"/>
      <c r="AA13" s="141"/>
      <c r="AB13" s="141"/>
      <c r="AC13" s="141"/>
      <c r="AD13" s="141"/>
      <c r="AE13" s="142"/>
    </row>
    <row r="14" spans="2:31" ht="23.25" customHeight="1" x14ac:dyDescent="0.15">
      <c r="B14" s="423" t="s">
        <v>367</v>
      </c>
      <c r="C14" s="424"/>
      <c r="D14" s="424"/>
      <c r="E14" s="424"/>
      <c r="F14" s="425"/>
      <c r="G14" s="126" t="s">
        <v>0</v>
      </c>
      <c r="H14" s="297" t="s">
        <v>368</v>
      </c>
      <c r="I14" s="323"/>
      <c r="J14" s="323"/>
      <c r="K14" s="323"/>
      <c r="L14" s="323"/>
      <c r="M14" s="323"/>
      <c r="N14" s="323"/>
      <c r="O14" s="323"/>
      <c r="P14" s="323"/>
      <c r="Q14" s="323"/>
      <c r="R14" s="323"/>
      <c r="S14" s="116" t="s">
        <v>0</v>
      </c>
      <c r="T14" s="297" t="s">
        <v>369</v>
      </c>
      <c r="U14" s="127"/>
      <c r="V14" s="127"/>
      <c r="W14" s="127"/>
      <c r="X14" s="127"/>
      <c r="Y14" s="127"/>
      <c r="Z14" s="127"/>
      <c r="AA14" s="127"/>
      <c r="AB14" s="127"/>
      <c r="AC14" s="127"/>
      <c r="AD14" s="127"/>
      <c r="AE14" s="128"/>
    </row>
    <row r="15" spans="2:31" ht="23.25" customHeight="1" x14ac:dyDescent="0.15">
      <c r="B15" s="426"/>
      <c r="C15" s="427"/>
      <c r="D15" s="427"/>
      <c r="E15" s="427"/>
      <c r="F15" s="428"/>
      <c r="G15" s="110" t="s">
        <v>0</v>
      </c>
      <c r="H15" s="259" t="s">
        <v>370</v>
      </c>
      <c r="I15" s="317"/>
      <c r="J15" s="317"/>
      <c r="K15" s="317"/>
      <c r="L15" s="317"/>
      <c r="M15" s="317"/>
      <c r="N15" s="317"/>
      <c r="O15" s="317"/>
      <c r="P15" s="317"/>
      <c r="Q15" s="317"/>
      <c r="R15" s="317"/>
      <c r="S15" s="129"/>
      <c r="T15" s="129"/>
      <c r="U15" s="129"/>
      <c r="V15" s="129"/>
      <c r="W15" s="129"/>
      <c r="X15" s="129"/>
      <c r="Y15" s="129"/>
      <c r="Z15" s="129"/>
      <c r="AA15" s="129"/>
      <c r="AB15" s="129"/>
      <c r="AC15" s="129"/>
      <c r="AD15" s="129"/>
      <c r="AE15" s="130"/>
    </row>
    <row r="16" spans="2:31" s="290" customFormat="1" x14ac:dyDescent="0.15"/>
    <row r="17" spans="2:31" s="290" customFormat="1" x14ac:dyDescent="0.15">
      <c r="B17" s="290" t="s">
        <v>403</v>
      </c>
    </row>
    <row r="18" spans="2:31" s="290" customFormat="1" x14ac:dyDescent="0.15">
      <c r="B18" s="290" t="s">
        <v>376</v>
      </c>
      <c r="AD18" s="2"/>
      <c r="AE18" s="2"/>
    </row>
    <row r="19" spans="2:31" s="290" customFormat="1" ht="6" customHeight="1" x14ac:dyDescent="0.15"/>
    <row r="20" spans="2:31" s="290" customFormat="1" ht="6" customHeight="1" x14ac:dyDescent="0.15">
      <c r="B20" s="441" t="s">
        <v>377</v>
      </c>
      <c r="C20" s="442"/>
      <c r="D20" s="442"/>
      <c r="E20" s="442"/>
      <c r="F20" s="443"/>
      <c r="G20" s="296"/>
      <c r="H20" s="297"/>
      <c r="I20" s="297"/>
      <c r="J20" s="297"/>
      <c r="K20" s="297"/>
      <c r="L20" s="297"/>
      <c r="M20" s="297"/>
      <c r="N20" s="297"/>
      <c r="O20" s="297"/>
      <c r="P20" s="297"/>
      <c r="Q20" s="297"/>
      <c r="R20" s="297"/>
      <c r="S20" s="297"/>
      <c r="T20" s="297"/>
      <c r="U20" s="297"/>
      <c r="V20" s="297"/>
      <c r="W20" s="297"/>
      <c r="X20" s="297"/>
      <c r="Y20" s="297"/>
      <c r="Z20" s="297"/>
      <c r="AA20" s="296"/>
      <c r="AB20" s="297"/>
      <c r="AC20" s="297"/>
      <c r="AD20" s="323"/>
      <c r="AE20" s="324"/>
    </row>
    <row r="21" spans="2:31" s="290" customFormat="1" ht="13.5" customHeight="1" x14ac:dyDescent="0.15">
      <c r="B21" s="444"/>
      <c r="C21" s="439"/>
      <c r="D21" s="439"/>
      <c r="E21" s="439"/>
      <c r="F21" s="445"/>
      <c r="G21" s="295"/>
      <c r="H21" s="290" t="s">
        <v>1007</v>
      </c>
      <c r="AA21" s="295"/>
      <c r="AB21" s="94" t="s">
        <v>94</v>
      </c>
      <c r="AC21" s="94" t="s">
        <v>95</v>
      </c>
      <c r="AD21" s="94" t="s">
        <v>96</v>
      </c>
      <c r="AE21" s="131"/>
    </row>
    <row r="22" spans="2:31" s="290" customFormat="1" ht="15.75" customHeight="1" x14ac:dyDescent="0.15">
      <c r="B22" s="444"/>
      <c r="C22" s="439"/>
      <c r="D22" s="439"/>
      <c r="E22" s="439"/>
      <c r="F22" s="445"/>
      <c r="G22" s="295"/>
      <c r="I22" s="285" t="s">
        <v>180</v>
      </c>
      <c r="J22" s="476" t="s">
        <v>379</v>
      </c>
      <c r="K22" s="473"/>
      <c r="L22" s="473"/>
      <c r="M22" s="473"/>
      <c r="N22" s="473"/>
      <c r="O22" s="473"/>
      <c r="P22" s="473"/>
      <c r="Q22" s="473"/>
      <c r="R22" s="473"/>
      <c r="S22" s="473"/>
      <c r="T22" s="473"/>
      <c r="U22" s="473"/>
      <c r="V22" s="398"/>
      <c r="W22" s="399"/>
      <c r="X22" s="287" t="s">
        <v>181</v>
      </c>
      <c r="AA22" s="295"/>
      <c r="AB22" s="335"/>
      <c r="AC22" s="272"/>
      <c r="AD22" s="335"/>
      <c r="AE22" s="88"/>
    </row>
    <row r="23" spans="2:31" s="290" customFormat="1" ht="15.75" customHeight="1" x14ac:dyDescent="0.15">
      <c r="B23" s="444"/>
      <c r="C23" s="439"/>
      <c r="D23" s="439"/>
      <c r="E23" s="439"/>
      <c r="F23" s="445"/>
      <c r="G23" s="295"/>
      <c r="I23" s="318" t="s">
        <v>182</v>
      </c>
      <c r="J23" s="137" t="s">
        <v>380</v>
      </c>
      <c r="K23" s="259"/>
      <c r="L23" s="259"/>
      <c r="M23" s="259"/>
      <c r="N23" s="259"/>
      <c r="O23" s="259"/>
      <c r="P23" s="259"/>
      <c r="Q23" s="259"/>
      <c r="R23" s="259"/>
      <c r="S23" s="259"/>
      <c r="T23" s="259"/>
      <c r="U23" s="259"/>
      <c r="V23" s="404"/>
      <c r="W23" s="405"/>
      <c r="X23" s="300" t="s">
        <v>181</v>
      </c>
      <c r="Z23" s="134"/>
      <c r="AA23" s="91"/>
      <c r="AB23" s="109" t="s">
        <v>0</v>
      </c>
      <c r="AC23" s="109" t="s">
        <v>95</v>
      </c>
      <c r="AD23" s="109" t="s">
        <v>0</v>
      </c>
      <c r="AE23" s="88"/>
    </row>
    <row r="24" spans="2:31" s="290" customFormat="1" x14ac:dyDescent="0.15">
      <c r="B24" s="444"/>
      <c r="C24" s="439"/>
      <c r="D24" s="439"/>
      <c r="E24" s="439"/>
      <c r="F24" s="445"/>
      <c r="G24" s="295"/>
      <c r="H24" s="290" t="s">
        <v>381</v>
      </c>
      <c r="AA24" s="295"/>
      <c r="AD24" s="2"/>
      <c r="AE24" s="88"/>
    </row>
    <row r="25" spans="2:31" s="290" customFormat="1" x14ac:dyDescent="0.15">
      <c r="B25" s="444"/>
      <c r="C25" s="439"/>
      <c r="D25" s="439"/>
      <c r="E25" s="439"/>
      <c r="F25" s="445"/>
      <c r="G25" s="295"/>
      <c r="H25" s="290" t="s">
        <v>1008</v>
      </c>
      <c r="U25" s="134"/>
      <c r="V25" s="134"/>
      <c r="AA25" s="295"/>
      <c r="AD25" s="2"/>
      <c r="AE25" s="88"/>
    </row>
    <row r="26" spans="2:31" s="290" customFormat="1" ht="29.25" customHeight="1" x14ac:dyDescent="0.15">
      <c r="B26" s="444"/>
      <c r="C26" s="439"/>
      <c r="D26" s="439"/>
      <c r="E26" s="439"/>
      <c r="F26" s="445"/>
      <c r="G26" s="295"/>
      <c r="I26" s="285" t="s">
        <v>264</v>
      </c>
      <c r="J26" s="473" t="s">
        <v>383</v>
      </c>
      <c r="K26" s="473"/>
      <c r="L26" s="473"/>
      <c r="M26" s="473"/>
      <c r="N26" s="473"/>
      <c r="O26" s="473"/>
      <c r="P26" s="473"/>
      <c r="Q26" s="473"/>
      <c r="R26" s="473"/>
      <c r="S26" s="473"/>
      <c r="T26" s="473"/>
      <c r="U26" s="473"/>
      <c r="V26" s="398"/>
      <c r="W26" s="399"/>
      <c r="X26" s="287" t="s">
        <v>181</v>
      </c>
      <c r="Z26" s="134"/>
      <c r="AA26" s="91"/>
      <c r="AB26" s="109" t="s">
        <v>0</v>
      </c>
      <c r="AC26" s="109" t="s">
        <v>95</v>
      </c>
      <c r="AD26" s="109" t="s">
        <v>0</v>
      </c>
      <c r="AE26" s="88"/>
    </row>
    <row r="27" spans="2:31" s="290" customFormat="1" ht="6" customHeight="1" x14ac:dyDescent="0.15">
      <c r="B27" s="446"/>
      <c r="C27" s="447"/>
      <c r="D27" s="447"/>
      <c r="E27" s="447"/>
      <c r="F27" s="448"/>
      <c r="G27" s="299"/>
      <c r="H27" s="259"/>
      <c r="I27" s="259"/>
      <c r="J27" s="259"/>
      <c r="K27" s="259"/>
      <c r="L27" s="259"/>
      <c r="M27" s="259"/>
      <c r="N27" s="259"/>
      <c r="O27" s="259"/>
      <c r="P27" s="259"/>
      <c r="Q27" s="259"/>
      <c r="R27" s="259"/>
      <c r="S27" s="259"/>
      <c r="T27" s="259"/>
      <c r="U27" s="135"/>
      <c r="V27" s="135"/>
      <c r="W27" s="259"/>
      <c r="X27" s="259"/>
      <c r="Y27" s="259"/>
      <c r="Z27" s="259"/>
      <c r="AA27" s="299"/>
      <c r="AB27" s="259"/>
      <c r="AC27" s="259"/>
      <c r="AD27" s="317"/>
      <c r="AE27" s="325"/>
    </row>
    <row r="28" spans="2:31" s="290" customFormat="1" ht="6" customHeight="1" x14ac:dyDescent="0.15">
      <c r="B28" s="263"/>
      <c r="C28" s="264"/>
      <c r="D28" s="264"/>
      <c r="E28" s="264"/>
      <c r="F28" s="271"/>
      <c r="G28" s="296"/>
      <c r="H28" s="297"/>
      <c r="I28" s="297"/>
      <c r="J28" s="297"/>
      <c r="K28" s="297"/>
      <c r="L28" s="297"/>
      <c r="M28" s="297"/>
      <c r="N28" s="297"/>
      <c r="O28" s="297"/>
      <c r="P28" s="297"/>
      <c r="Q28" s="297"/>
      <c r="R28" s="297"/>
      <c r="S28" s="297"/>
      <c r="T28" s="297"/>
      <c r="U28" s="144"/>
      <c r="V28" s="144"/>
      <c r="W28" s="297"/>
      <c r="X28" s="297"/>
      <c r="Y28" s="297"/>
      <c r="Z28" s="297"/>
      <c r="AA28" s="297"/>
      <c r="AB28" s="297"/>
      <c r="AC28" s="297"/>
      <c r="AD28" s="323"/>
      <c r="AE28" s="324"/>
    </row>
    <row r="29" spans="2:31" s="290" customFormat="1" x14ac:dyDescent="0.15">
      <c r="B29" s="444" t="s">
        <v>411</v>
      </c>
      <c r="C29" s="439"/>
      <c r="D29" s="439"/>
      <c r="E29" s="439"/>
      <c r="F29" s="445"/>
      <c r="G29" s="359" t="s">
        <v>1036</v>
      </c>
      <c r="I29" s="145"/>
      <c r="J29" s="145"/>
      <c r="K29" s="145"/>
      <c r="L29" s="145"/>
      <c r="M29" s="145"/>
      <c r="N29" s="145"/>
      <c r="O29" s="145"/>
      <c r="P29" s="145"/>
      <c r="Q29" s="145"/>
      <c r="R29" s="145"/>
      <c r="S29" s="145"/>
      <c r="T29" s="145"/>
      <c r="U29" s="145"/>
      <c r="V29" s="145"/>
      <c r="W29" s="145"/>
      <c r="X29" s="145"/>
      <c r="Y29" s="145"/>
      <c r="Z29" s="145"/>
      <c r="AA29" s="145"/>
      <c r="AB29" s="145"/>
      <c r="AC29" s="145"/>
      <c r="AD29" s="2"/>
      <c r="AE29" s="88"/>
    </row>
    <row r="30" spans="2:31" s="290" customFormat="1" ht="54" customHeight="1" x14ac:dyDescent="0.15">
      <c r="B30" s="444"/>
      <c r="C30" s="439"/>
      <c r="D30" s="439"/>
      <c r="E30" s="439"/>
      <c r="F30" s="445"/>
      <c r="G30" s="412"/>
      <c r="H30" s="413"/>
      <c r="I30" s="413"/>
      <c r="J30" s="413"/>
      <c r="K30" s="413"/>
      <c r="L30" s="413"/>
      <c r="M30" s="413"/>
      <c r="N30" s="413"/>
      <c r="O30" s="413"/>
      <c r="P30" s="413"/>
      <c r="Q30" s="413"/>
      <c r="R30" s="413"/>
      <c r="S30" s="413"/>
      <c r="T30" s="413"/>
      <c r="U30" s="413"/>
      <c r="V30" s="413"/>
      <c r="W30" s="413"/>
      <c r="X30" s="413"/>
      <c r="Y30" s="413"/>
      <c r="Z30" s="413"/>
      <c r="AA30" s="413"/>
      <c r="AB30" s="413"/>
      <c r="AC30" s="413"/>
      <c r="AD30" s="413"/>
      <c r="AE30" s="414"/>
    </row>
    <row r="31" spans="2:31" s="290" customFormat="1" ht="6" customHeight="1" x14ac:dyDescent="0.15">
      <c r="B31" s="305"/>
      <c r="C31" s="306"/>
      <c r="D31" s="306"/>
      <c r="E31" s="306"/>
      <c r="F31" s="307"/>
      <c r="G31" s="299"/>
      <c r="H31" s="259"/>
      <c r="I31" s="259"/>
      <c r="J31" s="259"/>
      <c r="K31" s="259"/>
      <c r="L31" s="259"/>
      <c r="M31" s="259"/>
      <c r="N31" s="259"/>
      <c r="O31" s="259"/>
      <c r="P31" s="259"/>
      <c r="Q31" s="259"/>
      <c r="R31" s="259"/>
      <c r="S31" s="259"/>
      <c r="T31" s="259"/>
      <c r="U31" s="135"/>
      <c r="V31" s="135"/>
      <c r="W31" s="259"/>
      <c r="X31" s="259"/>
      <c r="Y31" s="259"/>
      <c r="Z31" s="259"/>
      <c r="AA31" s="259"/>
      <c r="AB31" s="259"/>
      <c r="AC31" s="259"/>
      <c r="AD31" s="317"/>
      <c r="AE31" s="325"/>
    </row>
    <row r="32" spans="2:31" s="290" customFormat="1" ht="9.75" customHeight="1" x14ac:dyDescent="0.15">
      <c r="B32" s="289"/>
      <c r="C32" s="289"/>
      <c r="D32" s="289"/>
      <c r="E32" s="289"/>
      <c r="F32" s="289"/>
      <c r="U32" s="134"/>
      <c r="V32" s="134"/>
    </row>
    <row r="33" spans="2:31" s="290" customFormat="1" x14ac:dyDescent="0.15">
      <c r="B33" s="290" t="s">
        <v>384</v>
      </c>
      <c r="C33" s="289"/>
      <c r="D33" s="289"/>
      <c r="E33" s="289"/>
      <c r="F33" s="289"/>
      <c r="U33" s="134"/>
      <c r="V33" s="134"/>
    </row>
    <row r="34" spans="2:31" s="290" customFormat="1" ht="6.75" customHeight="1" x14ac:dyDescent="0.15">
      <c r="B34" s="289"/>
      <c r="C34" s="289"/>
      <c r="D34" s="289"/>
      <c r="E34" s="289"/>
      <c r="F34" s="289"/>
      <c r="U34" s="134"/>
      <c r="V34" s="134"/>
    </row>
    <row r="35" spans="2:31" s="290" customFormat="1" ht="4.5" customHeight="1" x14ac:dyDescent="0.15">
      <c r="B35" s="441" t="s">
        <v>377</v>
      </c>
      <c r="C35" s="442"/>
      <c r="D35" s="442"/>
      <c r="E35" s="442"/>
      <c r="F35" s="443"/>
      <c r="G35" s="297"/>
      <c r="H35" s="297"/>
      <c r="I35" s="297"/>
      <c r="J35" s="297"/>
      <c r="K35" s="297"/>
      <c r="L35" s="297"/>
      <c r="M35" s="297"/>
      <c r="N35" s="297"/>
      <c r="O35" s="297"/>
      <c r="P35" s="297"/>
      <c r="Q35" s="297"/>
      <c r="R35" s="297"/>
      <c r="S35" s="297"/>
      <c r="T35" s="297"/>
      <c r="U35" s="297"/>
      <c r="V35" s="297"/>
      <c r="W35" s="297"/>
      <c r="X35" s="297"/>
      <c r="Y35" s="297"/>
      <c r="Z35" s="297"/>
      <c r="AA35" s="296"/>
      <c r="AB35" s="297"/>
      <c r="AC35" s="297"/>
      <c r="AD35" s="323"/>
      <c r="AE35" s="324"/>
    </row>
    <row r="36" spans="2:31" s="290" customFormat="1" ht="13.5" customHeight="1" x14ac:dyDescent="0.15">
      <c r="B36" s="444"/>
      <c r="C36" s="439"/>
      <c r="D36" s="439"/>
      <c r="E36" s="439"/>
      <c r="F36" s="445"/>
      <c r="H36" s="290" t="s">
        <v>378</v>
      </c>
      <c r="AA36" s="295"/>
      <c r="AB36" s="94" t="s">
        <v>94</v>
      </c>
      <c r="AC36" s="94" t="s">
        <v>95</v>
      </c>
      <c r="AD36" s="94" t="s">
        <v>96</v>
      </c>
      <c r="AE36" s="131"/>
    </row>
    <row r="37" spans="2:31" s="290" customFormat="1" ht="15.75" customHeight="1" x14ac:dyDescent="0.15">
      <c r="B37" s="444"/>
      <c r="C37" s="439"/>
      <c r="D37" s="439"/>
      <c r="E37" s="439"/>
      <c r="F37" s="445"/>
      <c r="I37" s="355" t="s">
        <v>180</v>
      </c>
      <c r="J37" s="476" t="s">
        <v>379</v>
      </c>
      <c r="K37" s="473"/>
      <c r="L37" s="473"/>
      <c r="M37" s="473"/>
      <c r="N37" s="473"/>
      <c r="O37" s="473"/>
      <c r="P37" s="473"/>
      <c r="Q37" s="473"/>
      <c r="R37" s="473"/>
      <c r="S37" s="473"/>
      <c r="T37" s="473"/>
      <c r="U37" s="473"/>
      <c r="V37" s="398"/>
      <c r="W37" s="399"/>
      <c r="X37" s="287" t="s">
        <v>181</v>
      </c>
      <c r="AA37" s="295"/>
      <c r="AB37" s="335"/>
      <c r="AC37" s="272"/>
      <c r="AD37" s="335"/>
      <c r="AE37" s="88"/>
    </row>
    <row r="38" spans="2:31" s="290" customFormat="1" ht="15.75" customHeight="1" x14ac:dyDescent="0.15">
      <c r="B38" s="446"/>
      <c r="C38" s="447"/>
      <c r="D38" s="447"/>
      <c r="E38" s="447"/>
      <c r="F38" s="448"/>
      <c r="I38" s="285" t="s">
        <v>182</v>
      </c>
      <c r="J38" s="137" t="s">
        <v>380</v>
      </c>
      <c r="K38" s="259"/>
      <c r="L38" s="259"/>
      <c r="M38" s="259"/>
      <c r="N38" s="259"/>
      <c r="O38" s="259"/>
      <c r="P38" s="259"/>
      <c r="Q38" s="259"/>
      <c r="R38" s="259"/>
      <c r="S38" s="259"/>
      <c r="T38" s="259"/>
      <c r="U38" s="259"/>
      <c r="V38" s="404"/>
      <c r="W38" s="405"/>
      <c r="X38" s="259" t="s">
        <v>181</v>
      </c>
      <c r="Y38" s="295"/>
      <c r="Z38" s="134"/>
      <c r="AA38" s="91"/>
      <c r="AB38" s="109" t="s">
        <v>0</v>
      </c>
      <c r="AC38" s="109" t="s">
        <v>95</v>
      </c>
      <c r="AD38" s="109" t="s">
        <v>0</v>
      </c>
      <c r="AE38" s="88"/>
    </row>
    <row r="39" spans="2:31" s="290" customFormat="1" ht="6" customHeight="1" x14ac:dyDescent="0.15">
      <c r="B39" s="446"/>
      <c r="C39" s="495"/>
      <c r="D39" s="447"/>
      <c r="E39" s="447"/>
      <c r="F39" s="448"/>
      <c r="G39" s="259"/>
      <c r="H39" s="259"/>
      <c r="I39" s="259"/>
      <c r="J39" s="259"/>
      <c r="K39" s="259"/>
      <c r="L39" s="259"/>
      <c r="M39" s="259"/>
      <c r="N39" s="259"/>
      <c r="O39" s="259"/>
      <c r="P39" s="259"/>
      <c r="Q39" s="259"/>
      <c r="R39" s="259"/>
      <c r="S39" s="259"/>
      <c r="T39" s="259"/>
      <c r="U39" s="135"/>
      <c r="V39" s="136"/>
      <c r="W39" s="256"/>
      <c r="X39" s="259"/>
      <c r="Y39" s="259"/>
      <c r="Z39" s="259"/>
      <c r="AA39" s="299"/>
      <c r="AB39" s="259"/>
      <c r="AC39" s="259"/>
      <c r="AD39" s="317"/>
      <c r="AE39" s="325"/>
    </row>
    <row r="40" spans="2:31" s="290" customFormat="1" ht="9.75" customHeight="1" x14ac:dyDescent="0.15">
      <c r="B40" s="289"/>
      <c r="C40" s="289"/>
      <c r="D40" s="289"/>
      <c r="E40" s="289"/>
      <c r="F40" s="289"/>
      <c r="U40" s="134"/>
      <c r="V40" s="133"/>
      <c r="W40" s="272"/>
    </row>
    <row r="41" spans="2:31" s="290" customFormat="1" ht="13.5" customHeight="1" x14ac:dyDescent="0.15">
      <c r="B41" s="290" t="s">
        <v>388</v>
      </c>
      <c r="C41" s="289"/>
      <c r="D41" s="289"/>
      <c r="E41" s="289"/>
      <c r="F41" s="289"/>
      <c r="U41" s="134"/>
      <c r="V41" s="133"/>
      <c r="W41" s="272"/>
    </row>
    <row r="42" spans="2:31" s="290" customFormat="1" x14ac:dyDescent="0.15">
      <c r="B42" s="138" t="s">
        <v>1009</v>
      </c>
      <c r="C42" s="289"/>
      <c r="D42" s="289"/>
      <c r="E42" s="289"/>
      <c r="F42" s="289"/>
      <c r="U42" s="134"/>
      <c r="V42" s="133"/>
      <c r="W42" s="272"/>
    </row>
    <row r="43" spans="2:31" s="290" customFormat="1" ht="4.5" customHeight="1" x14ac:dyDescent="0.15">
      <c r="B43" s="441" t="s">
        <v>377</v>
      </c>
      <c r="C43" s="442"/>
      <c r="D43" s="442"/>
      <c r="E43" s="442"/>
      <c r="F43" s="443"/>
      <c r="G43" s="296"/>
      <c r="H43" s="297"/>
      <c r="I43" s="297"/>
      <c r="J43" s="297"/>
      <c r="K43" s="297"/>
      <c r="L43" s="297"/>
      <c r="M43" s="297"/>
      <c r="N43" s="297"/>
      <c r="O43" s="297"/>
      <c r="P43" s="297"/>
      <c r="Q43" s="297"/>
      <c r="R43" s="297"/>
      <c r="S43" s="297"/>
      <c r="T43" s="297"/>
      <c r="U43" s="297"/>
      <c r="V43" s="253"/>
      <c r="W43" s="253"/>
      <c r="X43" s="297"/>
      <c r="Y43" s="297"/>
      <c r="Z43" s="297"/>
      <c r="AA43" s="296"/>
      <c r="AB43" s="297"/>
      <c r="AC43" s="297"/>
      <c r="AD43" s="323"/>
      <c r="AE43" s="324"/>
    </row>
    <row r="44" spans="2:31" s="290" customFormat="1" ht="13.5" customHeight="1" x14ac:dyDescent="0.15">
      <c r="B44" s="444"/>
      <c r="C44" s="439"/>
      <c r="D44" s="439"/>
      <c r="E44" s="439"/>
      <c r="F44" s="445"/>
      <c r="G44" s="295"/>
      <c r="H44" s="290" t="s">
        <v>405</v>
      </c>
      <c r="V44" s="272"/>
      <c r="W44" s="272"/>
      <c r="AA44" s="295"/>
      <c r="AB44" s="94" t="s">
        <v>94</v>
      </c>
      <c r="AC44" s="94" t="s">
        <v>95</v>
      </c>
      <c r="AD44" s="94" t="s">
        <v>96</v>
      </c>
      <c r="AE44" s="131"/>
    </row>
    <row r="45" spans="2:31" s="290" customFormat="1" ht="15.75" customHeight="1" x14ac:dyDescent="0.15">
      <c r="B45" s="444"/>
      <c r="C45" s="439"/>
      <c r="D45" s="439"/>
      <c r="E45" s="439"/>
      <c r="F45" s="445"/>
      <c r="G45" s="295"/>
      <c r="I45" s="285" t="s">
        <v>180</v>
      </c>
      <c r="J45" s="476" t="s">
        <v>379</v>
      </c>
      <c r="K45" s="473"/>
      <c r="L45" s="473"/>
      <c r="M45" s="473"/>
      <c r="N45" s="473"/>
      <c r="O45" s="473"/>
      <c r="P45" s="473"/>
      <c r="Q45" s="473"/>
      <c r="R45" s="473"/>
      <c r="S45" s="473"/>
      <c r="T45" s="473"/>
      <c r="U45" s="473"/>
      <c r="V45" s="398"/>
      <c r="W45" s="399"/>
      <c r="X45" s="287" t="s">
        <v>181</v>
      </c>
      <c r="AA45" s="295"/>
      <c r="AB45" s="335"/>
      <c r="AC45" s="272"/>
      <c r="AD45" s="335"/>
      <c r="AE45" s="88"/>
    </row>
    <row r="46" spans="2:31" s="290" customFormat="1" ht="15.75" customHeight="1" x14ac:dyDescent="0.15">
      <c r="B46" s="444"/>
      <c r="C46" s="439"/>
      <c r="D46" s="439"/>
      <c r="E46" s="439"/>
      <c r="F46" s="445"/>
      <c r="G46" s="295"/>
      <c r="I46" s="318" t="s">
        <v>182</v>
      </c>
      <c r="J46" s="137" t="s">
        <v>380</v>
      </c>
      <c r="K46" s="259"/>
      <c r="L46" s="259"/>
      <c r="M46" s="259"/>
      <c r="N46" s="259"/>
      <c r="O46" s="259"/>
      <c r="P46" s="259"/>
      <c r="Q46" s="259"/>
      <c r="R46" s="259"/>
      <c r="S46" s="259"/>
      <c r="T46" s="259"/>
      <c r="U46" s="259"/>
      <c r="V46" s="404"/>
      <c r="W46" s="405"/>
      <c r="X46" s="300" t="s">
        <v>181</v>
      </c>
      <c r="Z46" s="134"/>
      <c r="AA46" s="91"/>
      <c r="AB46" s="109" t="s">
        <v>0</v>
      </c>
      <c r="AC46" s="109" t="s">
        <v>95</v>
      </c>
      <c r="AD46" s="109" t="s">
        <v>0</v>
      </c>
      <c r="AE46" s="88"/>
    </row>
    <row r="47" spans="2:31" s="290" customFormat="1" ht="6" customHeight="1" x14ac:dyDescent="0.15">
      <c r="B47" s="446"/>
      <c r="C47" s="447"/>
      <c r="D47" s="447"/>
      <c r="E47" s="447"/>
      <c r="F47" s="448"/>
      <c r="G47" s="299"/>
      <c r="H47" s="259"/>
      <c r="I47" s="259"/>
      <c r="J47" s="259"/>
      <c r="K47" s="259"/>
      <c r="L47" s="259"/>
      <c r="M47" s="259"/>
      <c r="N47" s="259"/>
      <c r="O47" s="259"/>
      <c r="P47" s="259"/>
      <c r="Q47" s="259"/>
      <c r="R47" s="259"/>
      <c r="S47" s="259"/>
      <c r="T47" s="259"/>
      <c r="U47" s="135"/>
      <c r="V47" s="136"/>
      <c r="W47" s="256"/>
      <c r="X47" s="259"/>
      <c r="Y47" s="259"/>
      <c r="Z47" s="259"/>
      <c r="AA47" s="299"/>
      <c r="AB47" s="259"/>
      <c r="AC47" s="259"/>
      <c r="AD47" s="317"/>
      <c r="AE47" s="325"/>
    </row>
    <row r="48" spans="2:31" s="290" customFormat="1" ht="4.5" customHeight="1" x14ac:dyDescent="0.15">
      <c r="B48" s="441" t="s">
        <v>412</v>
      </c>
      <c r="C48" s="442"/>
      <c r="D48" s="442"/>
      <c r="E48" s="442"/>
      <c r="F48" s="443"/>
      <c r="G48" s="296"/>
      <c r="H48" s="297"/>
      <c r="I48" s="297"/>
      <c r="J48" s="297"/>
      <c r="K48" s="297"/>
      <c r="L48" s="297"/>
      <c r="M48" s="297"/>
      <c r="N48" s="297"/>
      <c r="O48" s="297"/>
      <c r="P48" s="297"/>
      <c r="Q48" s="297"/>
      <c r="R48" s="297"/>
      <c r="S48" s="297"/>
      <c r="T48" s="297"/>
      <c r="U48" s="297"/>
      <c r="V48" s="253"/>
      <c r="W48" s="253"/>
      <c r="X48" s="297"/>
      <c r="Y48" s="297"/>
      <c r="Z48" s="297"/>
      <c r="AA48" s="296"/>
      <c r="AB48" s="297"/>
      <c r="AC48" s="297"/>
      <c r="AD48" s="323"/>
      <c r="AE48" s="324"/>
    </row>
    <row r="49" spans="2:31" s="290" customFormat="1" ht="13.5" customHeight="1" x14ac:dyDescent="0.15">
      <c r="B49" s="444"/>
      <c r="C49" s="439"/>
      <c r="D49" s="439"/>
      <c r="E49" s="439"/>
      <c r="F49" s="445"/>
      <c r="G49" s="295"/>
      <c r="H49" s="290" t="s">
        <v>413</v>
      </c>
      <c r="V49" s="272"/>
      <c r="W49" s="272"/>
      <c r="AA49" s="295"/>
      <c r="AB49" s="94" t="s">
        <v>94</v>
      </c>
      <c r="AC49" s="94" t="s">
        <v>95</v>
      </c>
      <c r="AD49" s="94" t="s">
        <v>96</v>
      </c>
      <c r="AE49" s="131"/>
    </row>
    <row r="50" spans="2:31" s="290" customFormat="1" x14ac:dyDescent="0.15">
      <c r="B50" s="444"/>
      <c r="C50" s="439"/>
      <c r="D50" s="439"/>
      <c r="E50" s="439"/>
      <c r="F50" s="445"/>
      <c r="G50" s="295"/>
      <c r="I50" s="285" t="s">
        <v>180</v>
      </c>
      <c r="J50" s="474" t="s">
        <v>414</v>
      </c>
      <c r="K50" s="475"/>
      <c r="L50" s="475"/>
      <c r="M50" s="475"/>
      <c r="N50" s="475"/>
      <c r="O50" s="475"/>
      <c r="P50" s="475"/>
      <c r="Q50" s="475"/>
      <c r="R50" s="475"/>
      <c r="S50" s="475"/>
      <c r="T50" s="475"/>
      <c r="U50" s="475"/>
      <c r="V50" s="393"/>
      <c r="W50" s="398"/>
      <c r="X50" s="287" t="s">
        <v>181</v>
      </c>
      <c r="AA50" s="295"/>
      <c r="AB50" s="335"/>
      <c r="AC50" s="272"/>
      <c r="AD50" s="335"/>
      <c r="AE50" s="88"/>
    </row>
    <row r="51" spans="2:31" s="290" customFormat="1" ht="14.25" customHeight="1" x14ac:dyDescent="0.15">
      <c r="B51" s="444"/>
      <c r="C51" s="439"/>
      <c r="D51" s="439"/>
      <c r="E51" s="439"/>
      <c r="F51" s="445"/>
      <c r="G51" s="295"/>
      <c r="I51" s="318" t="s">
        <v>182</v>
      </c>
      <c r="J51" s="476" t="s">
        <v>394</v>
      </c>
      <c r="K51" s="473"/>
      <c r="L51" s="473"/>
      <c r="M51" s="473"/>
      <c r="N51" s="473"/>
      <c r="O51" s="473"/>
      <c r="P51" s="473"/>
      <c r="Q51" s="473"/>
      <c r="R51" s="473"/>
      <c r="S51" s="473"/>
      <c r="T51" s="473"/>
      <c r="U51" s="473"/>
      <c r="V51" s="393"/>
      <c r="W51" s="398"/>
      <c r="X51" s="300" t="s">
        <v>181</v>
      </c>
      <c r="Z51" s="134"/>
      <c r="AA51" s="91"/>
      <c r="AB51" s="109" t="s">
        <v>0</v>
      </c>
      <c r="AC51" s="109" t="s">
        <v>95</v>
      </c>
      <c r="AD51" s="109" t="s">
        <v>0</v>
      </c>
      <c r="AE51" s="88"/>
    </row>
    <row r="52" spans="2:31" s="290" customFormat="1" ht="6" customHeight="1" x14ac:dyDescent="0.15">
      <c r="B52" s="446"/>
      <c r="C52" s="447"/>
      <c r="D52" s="447"/>
      <c r="E52" s="447"/>
      <c r="F52" s="448"/>
      <c r="G52" s="299"/>
      <c r="H52" s="259"/>
      <c r="I52" s="259"/>
      <c r="J52" s="259"/>
      <c r="K52" s="259"/>
      <c r="L52" s="259"/>
      <c r="M52" s="259"/>
      <c r="N52" s="259"/>
      <c r="O52" s="259"/>
      <c r="P52" s="259"/>
      <c r="Q52" s="259"/>
      <c r="R52" s="259"/>
      <c r="S52" s="259"/>
      <c r="T52" s="259"/>
      <c r="U52" s="135"/>
      <c r="V52" s="136"/>
      <c r="W52" s="256"/>
      <c r="X52" s="259"/>
      <c r="Y52" s="259"/>
      <c r="Z52" s="259"/>
      <c r="AA52" s="299"/>
      <c r="AB52" s="259"/>
      <c r="AC52" s="259"/>
      <c r="AD52" s="317"/>
      <c r="AE52" s="325"/>
    </row>
    <row r="53" spans="2:31" s="290" customFormat="1" ht="4.5" customHeight="1" x14ac:dyDescent="0.15">
      <c r="B53" s="441" t="s">
        <v>395</v>
      </c>
      <c r="C53" s="442"/>
      <c r="D53" s="442"/>
      <c r="E53" s="442"/>
      <c r="F53" s="443"/>
      <c r="G53" s="296"/>
      <c r="H53" s="297"/>
      <c r="I53" s="297"/>
      <c r="J53" s="297"/>
      <c r="K53" s="297"/>
      <c r="L53" s="297"/>
      <c r="M53" s="297"/>
      <c r="N53" s="297"/>
      <c r="O53" s="297"/>
      <c r="P53" s="297"/>
      <c r="Q53" s="297"/>
      <c r="R53" s="297"/>
      <c r="S53" s="297"/>
      <c r="T53" s="297"/>
      <c r="U53" s="297"/>
      <c r="V53" s="253"/>
      <c r="W53" s="253"/>
      <c r="X53" s="297"/>
      <c r="Y53" s="297"/>
      <c r="Z53" s="297"/>
      <c r="AA53" s="296"/>
      <c r="AB53" s="297"/>
      <c r="AC53" s="297"/>
      <c r="AD53" s="323"/>
      <c r="AE53" s="324"/>
    </row>
    <row r="54" spans="2:31" s="290" customFormat="1" ht="13.5" customHeight="1" x14ac:dyDescent="0.15">
      <c r="B54" s="444"/>
      <c r="C54" s="439"/>
      <c r="D54" s="439"/>
      <c r="E54" s="439"/>
      <c r="F54" s="445"/>
      <c r="G54" s="295"/>
      <c r="H54" s="290" t="s">
        <v>390</v>
      </c>
      <c r="V54" s="272"/>
      <c r="W54" s="272"/>
      <c r="AA54" s="295"/>
      <c r="AB54" s="94" t="s">
        <v>94</v>
      </c>
      <c r="AC54" s="94" t="s">
        <v>95</v>
      </c>
      <c r="AD54" s="94" t="s">
        <v>96</v>
      </c>
      <c r="AE54" s="131"/>
    </row>
    <row r="55" spans="2:31" s="290" customFormat="1" ht="30" customHeight="1" x14ac:dyDescent="0.15">
      <c r="B55" s="444"/>
      <c r="C55" s="439"/>
      <c r="D55" s="439"/>
      <c r="E55" s="439"/>
      <c r="F55" s="445"/>
      <c r="G55" s="295"/>
      <c r="I55" s="285" t="s">
        <v>180</v>
      </c>
      <c r="J55" s="474" t="s">
        <v>415</v>
      </c>
      <c r="K55" s="475"/>
      <c r="L55" s="475"/>
      <c r="M55" s="475"/>
      <c r="N55" s="475"/>
      <c r="O55" s="475"/>
      <c r="P55" s="475"/>
      <c r="Q55" s="475"/>
      <c r="R55" s="475"/>
      <c r="S55" s="475"/>
      <c r="T55" s="475"/>
      <c r="U55" s="475"/>
      <c r="V55" s="393"/>
      <c r="W55" s="398"/>
      <c r="X55" s="287" t="s">
        <v>181</v>
      </c>
      <c r="AA55" s="295"/>
      <c r="AD55" s="2"/>
      <c r="AE55" s="88"/>
    </row>
    <row r="56" spans="2:31" s="290" customFormat="1" ht="33" customHeight="1" x14ac:dyDescent="0.15">
      <c r="B56" s="444"/>
      <c r="C56" s="439"/>
      <c r="D56" s="439"/>
      <c r="E56" s="439"/>
      <c r="F56" s="445"/>
      <c r="G56" s="295"/>
      <c r="I56" s="318" t="s">
        <v>182</v>
      </c>
      <c r="J56" s="476" t="s">
        <v>396</v>
      </c>
      <c r="K56" s="473"/>
      <c r="L56" s="473"/>
      <c r="M56" s="473"/>
      <c r="N56" s="473"/>
      <c r="O56" s="473"/>
      <c r="P56" s="473"/>
      <c r="Q56" s="473"/>
      <c r="R56" s="473"/>
      <c r="S56" s="473"/>
      <c r="T56" s="473"/>
      <c r="U56" s="473"/>
      <c r="V56" s="393"/>
      <c r="W56" s="398"/>
      <c r="X56" s="300" t="s">
        <v>181</v>
      </c>
      <c r="Z56" s="134"/>
      <c r="AA56" s="91"/>
      <c r="AB56" s="109" t="s">
        <v>0</v>
      </c>
      <c r="AC56" s="109" t="s">
        <v>95</v>
      </c>
      <c r="AD56" s="109" t="s">
        <v>0</v>
      </c>
      <c r="AE56" s="88"/>
    </row>
    <row r="57" spans="2:31" s="290" customFormat="1" ht="6" customHeight="1" x14ac:dyDescent="0.15">
      <c r="B57" s="446"/>
      <c r="C57" s="447"/>
      <c r="D57" s="447"/>
      <c r="E57" s="447"/>
      <c r="F57" s="448"/>
      <c r="G57" s="299"/>
      <c r="H57" s="259"/>
      <c r="I57" s="259"/>
      <c r="J57" s="259"/>
      <c r="K57" s="259"/>
      <c r="L57" s="259"/>
      <c r="M57" s="259"/>
      <c r="N57" s="259"/>
      <c r="O57" s="259"/>
      <c r="P57" s="259"/>
      <c r="Q57" s="259"/>
      <c r="R57" s="259"/>
      <c r="S57" s="259"/>
      <c r="T57" s="259"/>
      <c r="U57" s="135"/>
      <c r="V57" s="135"/>
      <c r="W57" s="259"/>
      <c r="X57" s="259"/>
      <c r="Y57" s="259"/>
      <c r="Z57" s="259"/>
      <c r="AA57" s="299"/>
      <c r="AB57" s="259"/>
      <c r="AC57" s="259"/>
      <c r="AD57" s="317"/>
      <c r="AE57" s="325"/>
    </row>
    <row r="58" spans="2:31" s="290" customFormat="1" ht="6" customHeight="1" x14ac:dyDescent="0.15">
      <c r="B58" s="289"/>
      <c r="C58" s="289"/>
      <c r="D58" s="289"/>
      <c r="E58" s="289"/>
      <c r="F58" s="289"/>
      <c r="U58" s="134"/>
      <c r="V58" s="134"/>
    </row>
    <row r="59" spans="2:31" s="290" customFormat="1" ht="13.5" customHeight="1" x14ac:dyDescent="0.15">
      <c r="B59" s="490" t="s">
        <v>397</v>
      </c>
      <c r="C59" s="477"/>
      <c r="D59" s="139" t="s">
        <v>291</v>
      </c>
      <c r="E59" s="139"/>
      <c r="F59" s="139"/>
      <c r="G59" s="139"/>
      <c r="H59" s="139"/>
      <c r="I59" s="139"/>
      <c r="J59" s="139"/>
      <c r="K59" s="139"/>
      <c r="L59" s="139"/>
      <c r="M59" s="139"/>
      <c r="N59" s="139"/>
      <c r="O59" s="139"/>
      <c r="P59" s="139"/>
      <c r="Q59" s="139"/>
      <c r="R59" s="139"/>
      <c r="S59" s="139"/>
      <c r="T59" s="139"/>
      <c r="U59" s="139"/>
      <c r="V59" s="139"/>
      <c r="W59" s="139"/>
      <c r="X59" s="139"/>
      <c r="Y59" s="139"/>
      <c r="Z59" s="139"/>
      <c r="AA59" s="139"/>
      <c r="AB59" s="139"/>
      <c r="AC59" s="139"/>
      <c r="AD59" s="139"/>
      <c r="AE59" s="139"/>
    </row>
    <row r="60" spans="2:31" s="290" customFormat="1" ht="37.5" customHeight="1" x14ac:dyDescent="0.15">
      <c r="B60" s="490" t="s">
        <v>416</v>
      </c>
      <c r="C60" s="477"/>
      <c r="D60" s="478" t="s">
        <v>1010</v>
      </c>
      <c r="E60" s="478"/>
      <c r="F60" s="478"/>
      <c r="G60" s="478"/>
      <c r="H60" s="478"/>
      <c r="I60" s="478"/>
      <c r="J60" s="478"/>
      <c r="K60" s="478"/>
      <c r="L60" s="478"/>
      <c r="M60" s="478"/>
      <c r="N60" s="478"/>
      <c r="O60" s="478"/>
      <c r="P60" s="478"/>
      <c r="Q60" s="478"/>
      <c r="R60" s="478"/>
      <c r="S60" s="478"/>
      <c r="T60" s="478"/>
      <c r="U60" s="478"/>
      <c r="V60" s="478"/>
      <c r="W60" s="478"/>
      <c r="X60" s="478"/>
      <c r="Y60" s="478"/>
      <c r="Z60" s="478"/>
      <c r="AA60" s="478"/>
      <c r="AB60" s="478"/>
      <c r="AC60" s="478"/>
      <c r="AD60" s="478"/>
      <c r="AE60" s="478"/>
    </row>
    <row r="122" spans="3:7" x14ac:dyDescent="0.15">
      <c r="C122" s="59"/>
      <c r="D122" s="59"/>
      <c r="E122" s="59"/>
      <c r="F122" s="59"/>
      <c r="G122" s="59"/>
    </row>
    <row r="123" spans="3:7" x14ac:dyDescent="0.15">
      <c r="C123" s="57"/>
    </row>
  </sheetData>
  <mergeCells count="39">
    <mergeCell ref="B60:C60"/>
    <mergeCell ref="D60:AE60"/>
    <mergeCell ref="B53:F57"/>
    <mergeCell ref="J55:U55"/>
    <mergeCell ref="V55:W55"/>
    <mergeCell ref="J56:U56"/>
    <mergeCell ref="V56:W56"/>
    <mergeCell ref="B59:C59"/>
    <mergeCell ref="B43:F47"/>
    <mergeCell ref="J45:U45"/>
    <mergeCell ref="V45:W45"/>
    <mergeCell ref="V46:W46"/>
    <mergeCell ref="B48:F52"/>
    <mergeCell ref="J50:U50"/>
    <mergeCell ref="V50:W50"/>
    <mergeCell ref="J51:U51"/>
    <mergeCell ref="V51:W51"/>
    <mergeCell ref="B29:F30"/>
    <mergeCell ref="G30:AE30"/>
    <mergeCell ref="B35:F39"/>
    <mergeCell ref="J37:U37"/>
    <mergeCell ref="V37:W37"/>
    <mergeCell ref="V38:W38"/>
    <mergeCell ref="B9:F9"/>
    <mergeCell ref="B10:F13"/>
    <mergeCell ref="B14:F15"/>
    <mergeCell ref="B20:F27"/>
    <mergeCell ref="J22:U22"/>
    <mergeCell ref="V22:W22"/>
    <mergeCell ref="V23:W23"/>
    <mergeCell ref="J26:U26"/>
    <mergeCell ref="V26:W26"/>
    <mergeCell ref="W3:X3"/>
    <mergeCell ref="Z3:AA3"/>
    <mergeCell ref="AC3:AD3"/>
    <mergeCell ref="B5:AE5"/>
    <mergeCell ref="B6:AE6"/>
    <mergeCell ref="B8:F8"/>
    <mergeCell ref="G8:AE8"/>
  </mergeCells>
  <phoneticPr fontId="1"/>
  <dataValidations count="1">
    <dataValidation type="list" allowBlank="1" showInputMessage="1" showErrorMessage="1" sqref="L9 Q9 S14 V10 Z10 AB23 AD23 AB26 AD26 AB38 AD38 AB46 AD46 AB51 AD51 AB56 AD56 G9:G15 R10:R12">
      <formula1>"□,■"</formula1>
    </dataValidation>
  </dataValidations>
  <pageMargins left="0.7" right="0.7" top="0.75" bottom="0.75" header="0.3" footer="0.3"/>
  <pageSetup paperSize="9" scale="8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2</vt:i4>
      </vt:variant>
      <vt:variant>
        <vt:lpstr>名前付き一覧</vt:lpstr>
      </vt:variant>
      <vt:variant>
        <vt:i4>40</vt:i4>
      </vt:variant>
    </vt:vector>
  </HeadingPairs>
  <TitlesOfParts>
    <vt:vector size="82" baseType="lpstr">
      <vt:lpstr>別紙７－３</vt:lpstr>
      <vt:lpstr>別紙８</vt:lpstr>
      <vt:lpstr>別紙11</vt:lpstr>
      <vt:lpstr>別紙12</vt:lpstr>
      <vt:lpstr>別紙12－2</vt:lpstr>
      <vt:lpstr>別紙13</vt:lpstr>
      <vt:lpstr>別紙14</vt:lpstr>
      <vt:lpstr>別紙14－3</vt:lpstr>
      <vt:lpstr>別紙14－4</vt:lpstr>
      <vt:lpstr>別紙14－5</vt:lpstr>
      <vt:lpstr>別紙14－6</vt:lpstr>
      <vt:lpstr>別紙15</vt:lpstr>
      <vt:lpstr>別紙16</vt:lpstr>
      <vt:lpstr>別紙17</vt:lpstr>
      <vt:lpstr>別紙18</vt:lpstr>
      <vt:lpstr>別紙21</vt:lpstr>
      <vt:lpstr>別紙22</vt:lpstr>
      <vt:lpstr>別紙22－2</vt:lpstr>
      <vt:lpstr>別紙23</vt:lpstr>
      <vt:lpstr>別紙23－2</vt:lpstr>
      <vt:lpstr>別紙25－2</vt:lpstr>
      <vt:lpstr>別紙27</vt:lpstr>
      <vt:lpstr>別紙28</vt:lpstr>
      <vt:lpstr>別紙34</vt:lpstr>
      <vt:lpstr>別紙35</vt:lpstr>
      <vt:lpstr>別紙36</vt:lpstr>
      <vt:lpstr>別紙36-2</vt:lpstr>
      <vt:lpstr>別紙37</vt:lpstr>
      <vt:lpstr>別紙37－2</vt:lpstr>
      <vt:lpstr>別紙38</vt:lpstr>
      <vt:lpstr>別紙39</vt:lpstr>
      <vt:lpstr>別紙40</vt:lpstr>
      <vt:lpstr>別紙41</vt:lpstr>
      <vt:lpstr>別紙42</vt:lpstr>
      <vt:lpstr>別紙44</vt:lpstr>
      <vt:lpstr>別紙45</vt:lpstr>
      <vt:lpstr>別紙46</vt:lpstr>
      <vt:lpstr>別紙47</vt:lpstr>
      <vt:lpstr>別紙48</vt:lpstr>
      <vt:lpstr>別紙48－2</vt:lpstr>
      <vt:lpstr>別紙49</vt:lpstr>
      <vt:lpstr>別紙●24</vt:lpstr>
      <vt:lpstr>別紙11!Print_Area</vt:lpstr>
      <vt:lpstr>別紙12!Print_Area</vt:lpstr>
      <vt:lpstr>'別紙12－2'!Print_Area</vt:lpstr>
      <vt:lpstr>別紙13!Print_Area</vt:lpstr>
      <vt:lpstr>別紙14!Print_Area</vt:lpstr>
      <vt:lpstr>'別紙14－3'!Print_Area</vt:lpstr>
      <vt:lpstr>'別紙14－4'!Print_Area</vt:lpstr>
      <vt:lpstr>'別紙14－5'!Print_Area</vt:lpstr>
      <vt:lpstr>'別紙14－6'!Print_Area</vt:lpstr>
      <vt:lpstr>別紙15!Print_Area</vt:lpstr>
      <vt:lpstr>別紙16!Print_Area</vt:lpstr>
      <vt:lpstr>別紙17!Print_Area</vt:lpstr>
      <vt:lpstr>別紙18!Print_Area</vt:lpstr>
      <vt:lpstr>別紙21!Print_Area</vt:lpstr>
      <vt:lpstr>別紙22!Print_Area</vt:lpstr>
      <vt:lpstr>'別紙22－2'!Print_Area</vt:lpstr>
      <vt:lpstr>別紙23!Print_Area</vt:lpstr>
      <vt:lpstr>'別紙23－2'!Print_Area</vt:lpstr>
      <vt:lpstr>'別紙25－2'!Print_Area</vt:lpstr>
      <vt:lpstr>別紙27!Print_Area</vt:lpstr>
      <vt:lpstr>別紙28!Print_Area</vt:lpstr>
      <vt:lpstr>別紙34!Print_Area</vt:lpstr>
      <vt:lpstr>別紙35!Print_Area</vt:lpstr>
      <vt:lpstr>別紙36!Print_Area</vt:lpstr>
      <vt:lpstr>'別紙36-2'!Print_Area</vt:lpstr>
      <vt:lpstr>別紙37!Print_Area</vt:lpstr>
      <vt:lpstr>'別紙37－2'!Print_Area</vt:lpstr>
      <vt:lpstr>別紙38!Print_Area</vt:lpstr>
      <vt:lpstr>別紙39!Print_Area</vt:lpstr>
      <vt:lpstr>別紙41!Print_Area</vt:lpstr>
      <vt:lpstr>別紙42!Print_Area</vt:lpstr>
      <vt:lpstr>別紙44!Print_Area</vt:lpstr>
      <vt:lpstr>別紙45!Print_Area</vt:lpstr>
      <vt:lpstr>別紙46!Print_Area</vt:lpstr>
      <vt:lpstr>別紙47!Print_Area</vt:lpstr>
      <vt:lpstr>別紙48!Print_Area</vt:lpstr>
      <vt:lpstr>'別紙48－2'!Print_Area</vt:lpstr>
      <vt:lpstr>別紙49!Print_Area</vt:lpstr>
      <vt:lpstr>'別紙７－３'!Print_Area</vt:lpstr>
      <vt:lpstr>別紙８!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小林 茉優花(kobayashi-mayuka.tl3)</dc:creator>
  <cp:keywords/>
  <dc:description/>
  <cp:lastModifiedBy>Administrator</cp:lastModifiedBy>
  <cp:revision/>
  <cp:lastPrinted>2024-03-15T14:47:02Z</cp:lastPrinted>
  <dcterms:created xsi:type="dcterms:W3CDTF">2023-01-16T02:34:32Z</dcterms:created>
  <dcterms:modified xsi:type="dcterms:W3CDTF">2024-04-24T02:52:35Z</dcterms:modified>
  <cp:category/>
  <cp:contentStatus/>
</cp:coreProperties>
</file>